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925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5219\Desktop\"/>
    </mc:Choice>
  </mc:AlternateContent>
  <xr:revisionPtr revIDLastSave="0" documentId="13_ncr:1_{4150629D-BDD5-46E5-BFDF-4A4E31655099}" xr6:coauthVersionLast="47" xr6:coauthVersionMax="47" xr10:uidLastSave="{00000000-0000-0000-0000-000000000000}"/>
  <bookViews>
    <workbookView xWindow="32280" yWindow="-120" windowWidth="29040" windowHeight="15720" xr2:uid="{36F91E45-46C5-42EB-9758-4E19701110AC}"/>
  </bookViews>
  <sheets>
    <sheet name="物品・役務一覧" sheetId="4" r:id="rId1"/>
  </sheets>
  <definedNames>
    <definedName name="_xlnm._FilterDatabase" localSheetId="0" hidden="1">物品・役務一覧!$A$1:$AS$2</definedName>
    <definedName name="_xlnm.Print_Area" localSheetId="0">物品・役務一覧!$A$1:$AS$13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6122" uniqueCount="742">
  <si>
    <t>物品</t>
  </si>
  <si>
    <t>用紙・文具・事務機器</t>
  </si>
  <si>
    <t>×</t>
  </si>
  <si>
    <t>-</t>
  </si>
  <si>
    <t>○</t>
  </si>
  <si>
    <t>732-0068</t>
  </si>
  <si>
    <t>レンタル・リース</t>
  </si>
  <si>
    <t>役務</t>
  </si>
  <si>
    <t>調査・研究</t>
    <rPh sb="0" eb="2">
      <t>チョウサ</t>
    </rPh>
    <rPh sb="3" eb="5">
      <t>ケンキュウ</t>
    </rPh>
    <phoneticPr fontId="1"/>
  </si>
  <si>
    <t>システムの設計・開発</t>
    <rPh sb="5" eb="7">
      <t>セッケイ</t>
    </rPh>
    <rPh sb="8" eb="10">
      <t>カイハツ</t>
    </rPh>
    <phoneticPr fontId="1"/>
  </si>
  <si>
    <t>システムの保守・管理</t>
    <rPh sb="5" eb="7">
      <t>ホシュ</t>
    </rPh>
    <rPh sb="8" eb="10">
      <t>カンリ</t>
    </rPh>
    <phoneticPr fontId="1"/>
  </si>
  <si>
    <t>ホームページ作成・管理</t>
    <rPh sb="6" eb="8">
      <t>サクセイ</t>
    </rPh>
    <rPh sb="9" eb="11">
      <t>カンリ</t>
    </rPh>
    <phoneticPr fontId="1"/>
  </si>
  <si>
    <t>データ処理</t>
    <rPh sb="3" eb="5">
      <t>ショリ</t>
    </rPh>
    <phoneticPr fontId="1"/>
  </si>
  <si>
    <t>ＩＴコンサルティング</t>
  </si>
  <si>
    <t>研修等</t>
    <rPh sb="0" eb="2">
      <t>ケンシュウ</t>
    </rPh>
    <rPh sb="2" eb="3">
      <t>トウ</t>
    </rPh>
    <phoneticPr fontId="1"/>
  </si>
  <si>
    <t>デザイン</t>
  </si>
  <si>
    <t>テープ起こし</t>
    <rPh sb="3" eb="4">
      <t>オ</t>
    </rPh>
    <phoneticPr fontId="1"/>
  </si>
  <si>
    <t>その他</t>
  </si>
  <si>
    <t>広島市</t>
  </si>
  <si>
    <t>呉市</t>
  </si>
  <si>
    <t>竹原市</t>
  </si>
  <si>
    <t>三原市</t>
  </si>
  <si>
    <t>尾道市</t>
  </si>
  <si>
    <t>福山市</t>
  </si>
  <si>
    <t>府中市</t>
  </si>
  <si>
    <t>三次市</t>
  </si>
  <si>
    <t>庄原市</t>
  </si>
  <si>
    <t>大竹市</t>
  </si>
  <si>
    <t>東広島市</t>
  </si>
  <si>
    <t>廿日市市</t>
  </si>
  <si>
    <t>安芸高田市</t>
  </si>
  <si>
    <t>江田島市</t>
  </si>
  <si>
    <t>府中町</t>
  </si>
  <si>
    <t>海田町</t>
  </si>
  <si>
    <t>熊野町</t>
  </si>
  <si>
    <t>坂町</t>
  </si>
  <si>
    <t>安芸太田町</t>
  </si>
  <si>
    <t>北広島町</t>
  </si>
  <si>
    <t>大崎上島町</t>
  </si>
  <si>
    <t>世羅町</t>
  </si>
  <si>
    <t>神石高原町</t>
  </si>
  <si>
    <t>申請者－名称</t>
  </si>
  <si>
    <t>事業所－住所</t>
  </si>
  <si>
    <t>事業所番号</t>
    <phoneticPr fontId="4"/>
  </si>
  <si>
    <t>郵便番号</t>
    <phoneticPr fontId="4"/>
  </si>
  <si>
    <t>サービス種類</t>
  </si>
  <si>
    <t>電話</t>
    <rPh sb="0" eb="2">
      <t>デンワ</t>
    </rPh>
    <phoneticPr fontId="4"/>
  </si>
  <si>
    <t>Ｆａｘ</t>
    <phoneticPr fontId="4"/>
  </si>
  <si>
    <t>Ｅ－ｍａｉｌ</t>
    <phoneticPr fontId="4"/>
  </si>
  <si>
    <t>ホームページＵＲＬ</t>
    <phoneticPr fontId="4"/>
  </si>
  <si>
    <t>製品・サービスの内容</t>
    <rPh sb="0" eb="2">
      <t>セイヒン</t>
    </rPh>
    <rPh sb="8" eb="10">
      <t>ナイヨウ</t>
    </rPh>
    <phoneticPr fontId="4"/>
  </si>
  <si>
    <t>県外</t>
    <rPh sb="0" eb="2">
      <t>ケンガイ</t>
    </rPh>
    <phoneticPr fontId="4"/>
  </si>
  <si>
    <t>備考</t>
    <rPh sb="0" eb="2">
      <t>ビコウ</t>
    </rPh>
    <phoneticPr fontId="4"/>
  </si>
  <si>
    <t>対応可能量</t>
    <rPh sb="0" eb="2">
      <t>タイオウ</t>
    </rPh>
    <rPh sb="2" eb="5">
      <t>カノウリョウ</t>
    </rPh>
    <phoneticPr fontId="4"/>
  </si>
  <si>
    <t>参考価格</t>
    <rPh sb="0" eb="2">
      <t>サンコウ</t>
    </rPh>
    <rPh sb="2" eb="4">
      <t>カカク</t>
    </rPh>
    <phoneticPr fontId="4"/>
  </si>
  <si>
    <t>標準納期</t>
    <rPh sb="0" eb="2">
      <t>ヒョウジュン</t>
    </rPh>
    <rPh sb="2" eb="4">
      <t>ノウキ</t>
    </rPh>
    <phoneticPr fontId="4"/>
  </si>
  <si>
    <t>その他特記事項（製品の特長、発注時の注意点など）</t>
    <rPh sb="2" eb="3">
      <t>タ</t>
    </rPh>
    <rPh sb="3" eb="5">
      <t>トッキ</t>
    </rPh>
    <rPh sb="5" eb="7">
      <t>ジコウ</t>
    </rPh>
    <rPh sb="8" eb="10">
      <t>セイヒン</t>
    </rPh>
    <rPh sb="11" eb="13">
      <t>トクチョウ</t>
    </rPh>
    <rPh sb="14" eb="16">
      <t>ハッチュウ</t>
    </rPh>
    <rPh sb="16" eb="17">
      <t>ジ</t>
    </rPh>
    <rPh sb="18" eb="20">
      <t>チュウイ</t>
    </rPh>
    <rPh sb="20" eb="21">
      <t>テン</t>
    </rPh>
    <phoneticPr fontId="4"/>
  </si>
  <si>
    <t>00101249</t>
    <phoneticPr fontId="4"/>
  </si>
  <si>
    <t>株式会社広島情報シンフォニー</t>
    <phoneticPr fontId="4"/>
  </si>
  <si>
    <t>広島市東区牛田新町2丁目2-1</t>
    <phoneticPr fontId="4"/>
  </si>
  <si>
    <t>特例子会社</t>
    <phoneticPr fontId="4"/>
  </si>
  <si>
    <t>082-222-8211</t>
    <phoneticPr fontId="4"/>
  </si>
  <si>
    <t>082-223-8010</t>
    <phoneticPr fontId="4"/>
  </si>
  <si>
    <t>service@symphony.co.jp</t>
    <phoneticPr fontId="4"/>
  </si>
  <si>
    <t>https://www.symphony.co.jp/</t>
    <phoneticPr fontId="4"/>
  </si>
  <si>
    <t>用紙</t>
    <rPh sb="0" eb="2">
      <t>ヨウシ</t>
    </rPh>
    <phoneticPr fontId="4"/>
  </si>
  <si>
    <t>○</t>
    <phoneticPr fontId="4"/>
  </si>
  <si>
    <t>要相談</t>
    <rPh sb="0" eb="3">
      <t>ヨウソウダン</t>
    </rPh>
    <phoneticPr fontId="4"/>
  </si>
  <si>
    <t>視聴覚機器</t>
    <rPh sb="0" eb="3">
      <t>シチョウカク</t>
    </rPh>
    <rPh sb="3" eb="5">
      <t>キキ</t>
    </rPh>
    <phoneticPr fontId="4"/>
  </si>
  <si>
    <t>その他機械器具</t>
    <rPh sb="2" eb="3">
      <t>タ</t>
    </rPh>
    <rPh sb="3" eb="5">
      <t>キカイ</t>
    </rPh>
    <rPh sb="5" eb="7">
      <t>キグ</t>
    </rPh>
    <phoneticPr fontId="4"/>
  </si>
  <si>
    <t>その他</t>
    <rPh sb="2" eb="3">
      <t>タ</t>
    </rPh>
    <phoneticPr fontId="4"/>
  </si>
  <si>
    <t>情報機器</t>
    <rPh sb="0" eb="2">
      <t>ジョウホウ</t>
    </rPh>
    <rPh sb="2" eb="4">
      <t>キキ</t>
    </rPh>
    <phoneticPr fontId="4"/>
  </si>
  <si>
    <t>〇</t>
    <phoneticPr fontId="4"/>
  </si>
  <si>
    <t>調査・測定</t>
    <rPh sb="0" eb="2">
      <t>チョウサ</t>
    </rPh>
    <rPh sb="3" eb="5">
      <t>ソクテイ</t>
    </rPh>
    <phoneticPr fontId="4"/>
  </si>
  <si>
    <t>意識調査</t>
    <rPh sb="0" eb="4">
      <t>イシキチョウサ</t>
    </rPh>
    <phoneticPr fontId="4"/>
  </si>
  <si>
    <t>情報・通信</t>
    <rPh sb="0" eb="2">
      <t>ジョウホウ</t>
    </rPh>
    <rPh sb="3" eb="5">
      <t>ツウシン</t>
    </rPh>
    <phoneticPr fontId="4"/>
  </si>
  <si>
    <t>システムの設計・開発</t>
    <rPh sb="5" eb="7">
      <t>セッケイ</t>
    </rPh>
    <rPh sb="8" eb="10">
      <t>カイハツ</t>
    </rPh>
    <phoneticPr fontId="4"/>
  </si>
  <si>
    <t>システムの保守・管理</t>
    <rPh sb="5" eb="7">
      <t>ホシュ</t>
    </rPh>
    <rPh sb="8" eb="10">
      <t>カンリ</t>
    </rPh>
    <phoneticPr fontId="4"/>
  </si>
  <si>
    <t>ハードウエア保守</t>
    <rPh sb="6" eb="8">
      <t>ホシュ</t>
    </rPh>
    <phoneticPr fontId="4"/>
  </si>
  <si>
    <t>ホームページ制作・管理</t>
    <rPh sb="6" eb="8">
      <t>セイサク</t>
    </rPh>
    <rPh sb="9" eb="11">
      <t>カンリ</t>
    </rPh>
    <phoneticPr fontId="4"/>
  </si>
  <si>
    <t>TV,YouTube字幕作成</t>
    <rPh sb="10" eb="12">
      <t>ジマク</t>
    </rPh>
    <rPh sb="12" eb="14">
      <t>サクセイ</t>
    </rPh>
    <phoneticPr fontId="4"/>
  </si>
  <si>
    <t>データ入力，データ変換，文書・写真資料の電子データ化（スキャニング作業），データベース作成</t>
    <phoneticPr fontId="4"/>
  </si>
  <si>
    <t>ITコンサルティング</t>
    <phoneticPr fontId="4"/>
  </si>
  <si>
    <t>職業訓練（IT講習）</t>
    <rPh sb="0" eb="4">
      <t>ショクギョウクンレン</t>
    </rPh>
    <rPh sb="7" eb="9">
      <t>コウシュウ</t>
    </rPh>
    <phoneticPr fontId="4"/>
  </si>
  <si>
    <t>企画・制作</t>
    <rPh sb="0" eb="2">
      <t>キカク</t>
    </rPh>
    <rPh sb="3" eb="5">
      <t>セイサク</t>
    </rPh>
    <phoneticPr fontId="4"/>
  </si>
  <si>
    <t>デザイン</t>
    <phoneticPr fontId="4"/>
  </si>
  <si>
    <t>テープ起こし</t>
    <rPh sb="3" eb="4">
      <t>オ</t>
    </rPh>
    <phoneticPr fontId="4"/>
  </si>
  <si>
    <t>物品販売等</t>
    <rPh sb="0" eb="2">
      <t>ブッピン</t>
    </rPh>
    <rPh sb="2" eb="4">
      <t>ハンバイ</t>
    </rPh>
    <rPh sb="4" eb="5">
      <t>トウ</t>
    </rPh>
    <phoneticPr fontId="4"/>
  </si>
  <si>
    <t>レンタル・リース</t>
    <phoneticPr fontId="4"/>
  </si>
  <si>
    <t>買受</t>
    <rPh sb="0" eb="2">
      <t>カイウケ</t>
    </rPh>
    <phoneticPr fontId="4"/>
  </si>
  <si>
    <t>施設管理</t>
    <rPh sb="0" eb="2">
      <t>シセツ</t>
    </rPh>
    <rPh sb="2" eb="4">
      <t>カンリ</t>
    </rPh>
    <phoneticPr fontId="4"/>
  </si>
  <si>
    <t>建築設備保守点検</t>
    <rPh sb="0" eb="2">
      <t>ケンチク</t>
    </rPh>
    <rPh sb="2" eb="4">
      <t>セツビ</t>
    </rPh>
    <rPh sb="4" eb="6">
      <t>ホシュ</t>
    </rPh>
    <rPh sb="6" eb="8">
      <t>テンケン</t>
    </rPh>
    <phoneticPr fontId="4"/>
  </si>
  <si>
    <t>運搬</t>
    <rPh sb="0" eb="2">
      <t>ウンパン</t>
    </rPh>
    <phoneticPr fontId="4"/>
  </si>
  <si>
    <t>医療</t>
    <rPh sb="0" eb="2">
      <t>イリョウ</t>
    </rPh>
    <phoneticPr fontId="4"/>
  </si>
  <si>
    <t>給食</t>
    <rPh sb="0" eb="2">
      <t>キュウショク</t>
    </rPh>
    <phoneticPr fontId="4"/>
  </si>
  <si>
    <t>機器等保守点検</t>
    <rPh sb="0" eb="2">
      <t>キキ</t>
    </rPh>
    <rPh sb="2" eb="3">
      <t>トウ</t>
    </rPh>
    <rPh sb="3" eb="5">
      <t>ホシュ</t>
    </rPh>
    <rPh sb="5" eb="7">
      <t>テンケン</t>
    </rPh>
    <phoneticPr fontId="4"/>
  </si>
  <si>
    <t>A用紙・文具事務機器</t>
  </si>
  <si>
    <t>Aレンタル・リース</t>
  </si>
  <si>
    <t>A買受</t>
  </si>
  <si>
    <t>A施設清掃</t>
    <rPh sb="1" eb="3">
      <t>シセツ</t>
    </rPh>
    <rPh sb="3" eb="5">
      <t>セイソウ</t>
    </rPh>
    <phoneticPr fontId="4"/>
  </si>
  <si>
    <t>A給水設備の点検・清掃</t>
  </si>
  <si>
    <t>A広告・広報</t>
  </si>
  <si>
    <t>A貨物運送</t>
  </si>
  <si>
    <t>A医療事務</t>
  </si>
  <si>
    <t>A給食</t>
  </si>
  <si>
    <t>A機器の保守点検</t>
  </si>
  <si>
    <t>A翻訳・通訳</t>
  </si>
  <si>
    <t>物品</t>
    <rPh sb="0" eb="2">
      <t>ブッピン</t>
    </rPh>
    <phoneticPr fontId="4"/>
  </si>
  <si>
    <t>役務</t>
    <rPh sb="0" eb="2">
      <t>エキム</t>
    </rPh>
    <phoneticPr fontId="4"/>
  </si>
  <si>
    <t>B家具・室内装飾</t>
  </si>
  <si>
    <t>B空気環境の測定</t>
  </si>
  <si>
    <t>B排水設備の点検・清掃</t>
  </si>
  <si>
    <t>B展示物</t>
  </si>
  <si>
    <t>B旅客運送</t>
  </si>
  <si>
    <t>B集団検診等</t>
  </si>
  <si>
    <t>B食器洗浄</t>
  </si>
  <si>
    <t>B遊具保守点検</t>
  </si>
  <si>
    <t>B速記</t>
  </si>
  <si>
    <t>A用紙・文具事務機器</t>
    <phoneticPr fontId="4"/>
  </si>
  <si>
    <t>01</t>
    <phoneticPr fontId="4"/>
  </si>
  <si>
    <t>コピー・プリンタ用紙</t>
    <rPh sb="8" eb="10">
      <t>ヨウシ</t>
    </rPh>
    <phoneticPr fontId="4"/>
  </si>
  <si>
    <t>A施設清掃</t>
  </si>
  <si>
    <t>庁舎一般</t>
    <rPh sb="0" eb="2">
      <t>チョウシャ</t>
    </rPh>
    <rPh sb="2" eb="4">
      <t>イッパン</t>
    </rPh>
    <phoneticPr fontId="4"/>
  </si>
  <si>
    <t>C印刷</t>
  </si>
  <si>
    <t>C飲料水の水質検査</t>
  </si>
  <si>
    <t>C電気保安管理</t>
  </si>
  <si>
    <t>C映画・ビデオ</t>
  </si>
  <si>
    <t>C郵便・信書便</t>
  </si>
  <si>
    <t>C臨床検査</t>
  </si>
  <si>
    <t>Zその他</t>
  </si>
  <si>
    <t>C楽器調律</t>
  </si>
  <si>
    <t>C筆耕</t>
  </si>
  <si>
    <t>02</t>
    <phoneticPr fontId="4"/>
  </si>
  <si>
    <t>上質・中質・更紙</t>
    <rPh sb="0" eb="2">
      <t>ジョウシツ</t>
    </rPh>
    <rPh sb="3" eb="5">
      <t>チュウシツ</t>
    </rPh>
    <rPh sb="6" eb="7">
      <t>サラ</t>
    </rPh>
    <rPh sb="7" eb="8">
      <t>カミ</t>
    </rPh>
    <phoneticPr fontId="4"/>
  </si>
  <si>
    <t>02</t>
  </si>
  <si>
    <t>病院</t>
    <rPh sb="0" eb="2">
      <t>ビョウイン</t>
    </rPh>
    <phoneticPr fontId="4"/>
  </si>
  <si>
    <t>D情報・電気通信機器</t>
  </si>
  <si>
    <t>D建築物ねずみ害虫駆除</t>
  </si>
  <si>
    <t>D電気設備の保守点検</t>
  </si>
  <si>
    <t>Dイベント</t>
  </si>
  <si>
    <t>D運行管理</t>
  </si>
  <si>
    <t>D医療機器の保守点検</t>
  </si>
  <si>
    <t>D交通安全施設等保守点検</t>
  </si>
  <si>
    <t>Dテープ起こし</t>
  </si>
  <si>
    <t>03</t>
  </si>
  <si>
    <t>フォーム用紙</t>
    <rPh sb="4" eb="6">
      <t>ヨウシ</t>
    </rPh>
    <phoneticPr fontId="4"/>
  </si>
  <si>
    <t>03</t>
    <phoneticPr fontId="4"/>
  </si>
  <si>
    <t>ガラス</t>
    <phoneticPr fontId="4"/>
  </si>
  <si>
    <t>E写真光学機器</t>
  </si>
  <si>
    <t>Eプールの水質管理</t>
  </si>
  <si>
    <t>Eエレベーターの保守点検</t>
  </si>
  <si>
    <t>E研修等</t>
  </si>
  <si>
    <t>E車両レッカー移動</t>
  </si>
  <si>
    <t>E医療材料等物品管理</t>
  </si>
  <si>
    <t>E航空機等保守点検</t>
  </si>
  <si>
    <t>E環境保護</t>
  </si>
  <si>
    <t>04</t>
  </si>
  <si>
    <t>ダンボール</t>
    <phoneticPr fontId="4"/>
  </si>
  <si>
    <t>外壁</t>
    <rPh sb="0" eb="2">
      <t>ガイヘキ</t>
    </rPh>
    <phoneticPr fontId="4"/>
  </si>
  <si>
    <t>F医療・理化学機器</t>
  </si>
  <si>
    <t>F植栽管理</t>
  </si>
  <si>
    <t>F自動ドアの保守点検</t>
  </si>
  <si>
    <t>Fデザイン</t>
  </si>
  <si>
    <t>F梱包・発送代行</t>
  </si>
  <si>
    <t>F森林整備</t>
  </si>
  <si>
    <t>05</t>
  </si>
  <si>
    <t>その他用紙</t>
    <rPh sb="2" eb="3">
      <t>タ</t>
    </rPh>
    <rPh sb="3" eb="5">
      <t>ヨウシ</t>
    </rPh>
    <phoneticPr fontId="4"/>
  </si>
  <si>
    <t>側溝</t>
    <rPh sb="0" eb="2">
      <t>ソッコウ</t>
    </rPh>
    <phoneticPr fontId="4"/>
  </si>
  <si>
    <t>Gその他機械器具</t>
  </si>
  <si>
    <t>G建築物の定期点検</t>
  </si>
  <si>
    <t>G空調設備の保守点検</t>
  </si>
  <si>
    <t>G設計</t>
  </si>
  <si>
    <t>G保管</t>
  </si>
  <si>
    <t>G動物飼育</t>
  </si>
  <si>
    <t>06</t>
  </si>
  <si>
    <t>文具・事務用品</t>
    <rPh sb="0" eb="2">
      <t>ブング</t>
    </rPh>
    <rPh sb="3" eb="5">
      <t>ジム</t>
    </rPh>
    <rPh sb="5" eb="7">
      <t>ヨウヒン</t>
    </rPh>
    <phoneticPr fontId="4"/>
  </si>
  <si>
    <t>99</t>
    <phoneticPr fontId="4"/>
  </si>
  <si>
    <t>Ｈ車両・船舶</t>
  </si>
  <si>
    <t>H特殊施設管理</t>
  </si>
  <si>
    <t>H冷凍設備の保守点検</t>
  </si>
  <si>
    <t>H写真撮影・製図</t>
  </si>
  <si>
    <t>H人材派遣</t>
  </si>
  <si>
    <t>07</t>
  </si>
  <si>
    <t>事務機器</t>
    <rPh sb="0" eb="2">
      <t>ジム</t>
    </rPh>
    <rPh sb="2" eb="4">
      <t>キキ</t>
    </rPh>
    <phoneticPr fontId="4"/>
  </si>
  <si>
    <t>Ｉ医薬品・産業薬品</t>
  </si>
  <si>
    <t>Iダクトの清掃</t>
  </si>
  <si>
    <t>I旅行企画</t>
  </si>
  <si>
    <t>I電力供給</t>
  </si>
  <si>
    <t>08</t>
  </si>
  <si>
    <t>シュレッダー</t>
    <phoneticPr fontId="4"/>
  </si>
  <si>
    <t>Ｊ燃料</t>
  </si>
  <si>
    <t>Jオイルタンクの点検・清掃</t>
  </si>
  <si>
    <t>J損害保険</t>
  </si>
  <si>
    <t>09</t>
  </si>
  <si>
    <t>印章・印判</t>
    <rPh sb="0" eb="2">
      <t>インショウ</t>
    </rPh>
    <rPh sb="3" eb="5">
      <t>インバン</t>
    </rPh>
    <phoneticPr fontId="4"/>
  </si>
  <si>
    <t>建築物ねずみ害虫駆除</t>
    <rPh sb="0" eb="3">
      <t>ケンチクブツ</t>
    </rPh>
    <rPh sb="6" eb="8">
      <t>ガイチュウ</t>
    </rPh>
    <rPh sb="8" eb="10">
      <t>クジョ</t>
    </rPh>
    <phoneticPr fontId="4"/>
  </si>
  <si>
    <t>Ｋ建材・資材</t>
  </si>
  <si>
    <t>Kボイラーの点検・清掃</t>
  </si>
  <si>
    <t>Kコンサルティングサービス</t>
  </si>
  <si>
    <t>施設消毒</t>
    <rPh sb="0" eb="2">
      <t>シセツ</t>
    </rPh>
    <rPh sb="2" eb="4">
      <t>ショウドク</t>
    </rPh>
    <phoneticPr fontId="4"/>
  </si>
  <si>
    <t>Ｌ書籍</t>
  </si>
  <si>
    <t>Lボイラーの運転</t>
  </si>
  <si>
    <t>L機密文書溶解</t>
  </si>
  <si>
    <t>B家具・室内装飾</t>
    <phoneticPr fontId="4"/>
  </si>
  <si>
    <t>スチール家具</t>
    <rPh sb="4" eb="6">
      <t>カグ</t>
    </rPh>
    <phoneticPr fontId="4"/>
  </si>
  <si>
    <t>くん蒸</t>
    <rPh sb="2" eb="3">
      <t>ムシ</t>
    </rPh>
    <phoneticPr fontId="4"/>
  </si>
  <si>
    <t>Ｍ看板・標識</t>
  </si>
  <si>
    <t>Ｍポンプの保守点検</t>
  </si>
  <si>
    <t>M債権回収</t>
  </si>
  <si>
    <t>木製家具</t>
    <rPh sb="0" eb="2">
      <t>モクセイ</t>
    </rPh>
    <rPh sb="2" eb="4">
      <t>カグ</t>
    </rPh>
    <phoneticPr fontId="4"/>
  </si>
  <si>
    <t>Ｎ警察消防用品</t>
  </si>
  <si>
    <t>Ｎ監視制御装置の保守点検</t>
  </si>
  <si>
    <t>N放置車両確認事務</t>
  </si>
  <si>
    <t>学校用家具</t>
    <rPh sb="0" eb="3">
      <t>ガッコウヨウ</t>
    </rPh>
    <rPh sb="3" eb="5">
      <t>カグ</t>
    </rPh>
    <phoneticPr fontId="4"/>
  </si>
  <si>
    <t>Ｏ動植物</t>
  </si>
  <si>
    <t>Ｏ消防設備の保守点検</t>
  </si>
  <si>
    <t>図書館用家具</t>
    <rPh sb="0" eb="2">
      <t>トショ</t>
    </rPh>
    <rPh sb="2" eb="3">
      <t>カン</t>
    </rPh>
    <rPh sb="3" eb="4">
      <t>ヨウ</t>
    </rPh>
    <rPh sb="4" eb="6">
      <t>カグ</t>
    </rPh>
    <phoneticPr fontId="4"/>
  </si>
  <si>
    <t>剪定・除草</t>
    <rPh sb="0" eb="2">
      <t>センテイ</t>
    </rPh>
    <rPh sb="3" eb="5">
      <t>ジョソウ</t>
    </rPh>
    <phoneticPr fontId="4"/>
  </si>
  <si>
    <t>Ｐ食料品</t>
  </si>
  <si>
    <t>Ｐ建築設備の定期点検</t>
  </si>
  <si>
    <t>病院用家具</t>
    <rPh sb="0" eb="3">
      <t>ビョウインヨウ</t>
    </rPh>
    <rPh sb="3" eb="5">
      <t>カグ</t>
    </rPh>
    <phoneticPr fontId="4"/>
  </si>
  <si>
    <t>殺虫消毒</t>
    <rPh sb="0" eb="2">
      <t>サッチュウ</t>
    </rPh>
    <rPh sb="2" eb="4">
      <t>ショウドク</t>
    </rPh>
    <phoneticPr fontId="4"/>
  </si>
  <si>
    <t>Zその他物品</t>
  </si>
  <si>
    <t>Ｑクレーンの保守点検</t>
  </si>
  <si>
    <t>間仕切り</t>
    <rPh sb="0" eb="3">
      <t>マジキ</t>
    </rPh>
    <phoneticPr fontId="4"/>
  </si>
  <si>
    <t>Ｒ放送通信設備の保守点検</t>
  </si>
  <si>
    <t>舞台大道具</t>
    <rPh sb="0" eb="2">
      <t>ブタイ</t>
    </rPh>
    <rPh sb="2" eb="5">
      <t>オオドウグ</t>
    </rPh>
    <phoneticPr fontId="4"/>
  </si>
  <si>
    <t>その他家具</t>
    <rPh sb="2" eb="3">
      <t>タ</t>
    </rPh>
    <rPh sb="3" eb="5">
      <t>カグ</t>
    </rPh>
    <phoneticPr fontId="4"/>
  </si>
  <si>
    <t>寮・宿舎管理</t>
    <rPh sb="0" eb="1">
      <t>リョウ</t>
    </rPh>
    <rPh sb="2" eb="4">
      <t>シュクシャ</t>
    </rPh>
    <rPh sb="4" eb="6">
      <t>カンリ</t>
    </rPh>
    <phoneticPr fontId="4"/>
  </si>
  <si>
    <t>カーテン</t>
    <phoneticPr fontId="4"/>
  </si>
  <si>
    <t>水道施設管理</t>
    <rPh sb="0" eb="2">
      <t>スイドウ</t>
    </rPh>
    <rPh sb="2" eb="4">
      <t>シセツ</t>
    </rPh>
    <rPh sb="4" eb="6">
      <t>カンリ</t>
    </rPh>
    <phoneticPr fontId="4"/>
  </si>
  <si>
    <t>10</t>
  </si>
  <si>
    <t>じゅうたん</t>
    <phoneticPr fontId="4"/>
  </si>
  <si>
    <t>プール施設管理</t>
    <rPh sb="3" eb="5">
      <t>シセツ</t>
    </rPh>
    <rPh sb="5" eb="7">
      <t>カンリ</t>
    </rPh>
    <phoneticPr fontId="4"/>
  </si>
  <si>
    <t>11</t>
  </si>
  <si>
    <t>畳</t>
    <rPh sb="0" eb="1">
      <t>タタミ</t>
    </rPh>
    <phoneticPr fontId="4"/>
  </si>
  <si>
    <t>12</t>
  </si>
  <si>
    <t>壁紙</t>
    <rPh sb="0" eb="2">
      <t>カベガミ</t>
    </rPh>
    <phoneticPr fontId="4"/>
  </si>
  <si>
    <t>貯水槽</t>
    <rPh sb="0" eb="3">
      <t>チョスイソウ</t>
    </rPh>
    <phoneticPr fontId="4"/>
  </si>
  <si>
    <t>一般印刷</t>
    <rPh sb="0" eb="2">
      <t>イッパン</t>
    </rPh>
    <rPh sb="2" eb="4">
      <t>インサツ</t>
    </rPh>
    <phoneticPr fontId="4"/>
  </si>
  <si>
    <t>ろ過装置</t>
    <rPh sb="1" eb="2">
      <t>カ</t>
    </rPh>
    <rPh sb="2" eb="4">
      <t>ソウチ</t>
    </rPh>
    <phoneticPr fontId="4"/>
  </si>
  <si>
    <t>軽印刷</t>
    <rPh sb="0" eb="1">
      <t>ケイ</t>
    </rPh>
    <rPh sb="1" eb="3">
      <t>インサツ</t>
    </rPh>
    <phoneticPr fontId="4"/>
  </si>
  <si>
    <t>フォーム印刷</t>
  </si>
  <si>
    <t>汚水槽</t>
    <rPh sb="0" eb="2">
      <t>オスイ</t>
    </rPh>
    <rPh sb="2" eb="3">
      <t>ソウ</t>
    </rPh>
    <phoneticPr fontId="4"/>
  </si>
  <si>
    <t>特殊印刷</t>
    <rPh sb="0" eb="2">
      <t>トクシュ</t>
    </rPh>
    <rPh sb="2" eb="4">
      <t>インサツ</t>
    </rPh>
    <phoneticPr fontId="4"/>
  </si>
  <si>
    <t>排水管</t>
    <rPh sb="0" eb="3">
      <t>ハイスイカン</t>
    </rPh>
    <phoneticPr fontId="4"/>
  </si>
  <si>
    <t>製本</t>
    <rPh sb="0" eb="2">
      <t>セイホン</t>
    </rPh>
    <phoneticPr fontId="4"/>
  </si>
  <si>
    <t>グリーストラップ</t>
    <phoneticPr fontId="4"/>
  </si>
  <si>
    <t>複写</t>
    <rPh sb="0" eb="2">
      <t>フクシャ</t>
    </rPh>
    <phoneticPr fontId="4"/>
  </si>
  <si>
    <t>パソコン・サーバ</t>
    <phoneticPr fontId="4"/>
  </si>
  <si>
    <t>電気設備</t>
    <rPh sb="0" eb="2">
      <t>デンキ</t>
    </rPh>
    <rPh sb="2" eb="4">
      <t>セツビ</t>
    </rPh>
    <phoneticPr fontId="4"/>
  </si>
  <si>
    <t>パソコン周辺機器</t>
    <rPh sb="4" eb="6">
      <t>シュウヘン</t>
    </rPh>
    <rPh sb="6" eb="8">
      <t>キキ</t>
    </rPh>
    <phoneticPr fontId="4"/>
  </si>
  <si>
    <t>屋外照明灯</t>
    <rPh sb="0" eb="2">
      <t>オクガイ</t>
    </rPh>
    <rPh sb="2" eb="4">
      <t>ショウメイ</t>
    </rPh>
    <rPh sb="4" eb="5">
      <t>トウ</t>
    </rPh>
    <phoneticPr fontId="4"/>
  </si>
  <si>
    <t>複写機</t>
    <rPh sb="0" eb="3">
      <t>フクシャキ</t>
    </rPh>
    <phoneticPr fontId="4"/>
  </si>
  <si>
    <t>04</t>
    <phoneticPr fontId="4"/>
  </si>
  <si>
    <t>ファックス</t>
    <phoneticPr fontId="4"/>
  </si>
  <si>
    <t>エレベーター</t>
    <phoneticPr fontId="4"/>
  </si>
  <si>
    <t>純正トナーカートリッジ</t>
    <rPh sb="0" eb="2">
      <t>ジュンセイ</t>
    </rPh>
    <phoneticPr fontId="4"/>
  </si>
  <si>
    <t>エスカレーター</t>
    <phoneticPr fontId="4"/>
  </si>
  <si>
    <t>リサイクルトナーカートリッジ</t>
    <phoneticPr fontId="4"/>
  </si>
  <si>
    <t>リフト式駐車場</t>
    <rPh sb="3" eb="4">
      <t>シキ</t>
    </rPh>
    <rPh sb="4" eb="7">
      <t>チュウシャジョウ</t>
    </rPh>
    <phoneticPr fontId="4"/>
  </si>
  <si>
    <t>ソフトウェア</t>
    <phoneticPr fontId="4"/>
  </si>
  <si>
    <t>ＯＡ消耗品</t>
    <rPh sb="2" eb="4">
      <t>ショウモウ</t>
    </rPh>
    <rPh sb="4" eb="5">
      <t>ヒン</t>
    </rPh>
    <phoneticPr fontId="4"/>
  </si>
  <si>
    <t>家庭用電化製品</t>
    <rPh sb="0" eb="3">
      <t>カテイヨウ</t>
    </rPh>
    <rPh sb="3" eb="5">
      <t>デンカ</t>
    </rPh>
    <rPh sb="5" eb="7">
      <t>セイヒン</t>
    </rPh>
    <phoneticPr fontId="4"/>
  </si>
  <si>
    <t>電話関係機器</t>
    <rPh sb="0" eb="2">
      <t>デンワ</t>
    </rPh>
    <rPh sb="2" eb="4">
      <t>カンケイ</t>
    </rPh>
    <rPh sb="4" eb="6">
      <t>キキ</t>
    </rPh>
    <phoneticPr fontId="4"/>
  </si>
  <si>
    <t>通信関係機器</t>
    <rPh sb="0" eb="2">
      <t>ツウシン</t>
    </rPh>
    <rPh sb="2" eb="4">
      <t>カンケイ</t>
    </rPh>
    <rPh sb="4" eb="6">
      <t>キキ</t>
    </rPh>
    <phoneticPr fontId="4"/>
  </si>
  <si>
    <t>13</t>
  </si>
  <si>
    <t>警報装置</t>
    <rPh sb="0" eb="2">
      <t>ケイホウ</t>
    </rPh>
    <rPh sb="2" eb="4">
      <t>ソウチ</t>
    </rPh>
    <phoneticPr fontId="4"/>
  </si>
  <si>
    <t>14</t>
  </si>
  <si>
    <t>照明機器</t>
    <rPh sb="0" eb="2">
      <t>ショウメイ</t>
    </rPh>
    <rPh sb="2" eb="4">
      <t>キキ</t>
    </rPh>
    <phoneticPr fontId="4"/>
  </si>
  <si>
    <t>E　写真光学機器</t>
  </si>
  <si>
    <t>カメラ</t>
    <phoneticPr fontId="4"/>
  </si>
  <si>
    <t>中央監視装置</t>
    <rPh sb="0" eb="2">
      <t>チュウオウ</t>
    </rPh>
    <rPh sb="2" eb="4">
      <t>カンシ</t>
    </rPh>
    <rPh sb="4" eb="6">
      <t>ソウチ</t>
    </rPh>
    <phoneticPr fontId="4"/>
  </si>
  <si>
    <t>ビデオカメラ</t>
    <phoneticPr fontId="4"/>
  </si>
  <si>
    <t>自動制御装置</t>
    <rPh sb="0" eb="2">
      <t>ジドウ</t>
    </rPh>
    <rPh sb="2" eb="4">
      <t>セイギョ</t>
    </rPh>
    <rPh sb="4" eb="6">
      <t>ソウチ</t>
    </rPh>
    <phoneticPr fontId="4"/>
  </si>
  <si>
    <t>望遠鏡</t>
    <rPh sb="0" eb="3">
      <t>ボウエンキョウ</t>
    </rPh>
    <phoneticPr fontId="4"/>
  </si>
  <si>
    <t>写真用品</t>
    <rPh sb="0" eb="2">
      <t>シャシン</t>
    </rPh>
    <rPh sb="2" eb="4">
      <t>ヨウヒン</t>
    </rPh>
    <phoneticPr fontId="4"/>
  </si>
  <si>
    <t>05</t>
    <phoneticPr fontId="4"/>
  </si>
  <si>
    <t>現像・プリント</t>
    <rPh sb="0" eb="2">
      <t>ゲンゾウ</t>
    </rPh>
    <phoneticPr fontId="4"/>
  </si>
  <si>
    <t>F　医療・理化学機器</t>
  </si>
  <si>
    <t>生体検査機器</t>
    <rPh sb="0" eb="2">
      <t>セイタイ</t>
    </rPh>
    <rPh sb="2" eb="4">
      <t>ケンサ</t>
    </rPh>
    <rPh sb="4" eb="6">
      <t>キキ</t>
    </rPh>
    <phoneticPr fontId="4"/>
  </si>
  <si>
    <t>電話交換機の保守点検</t>
    <rPh sb="0" eb="2">
      <t>デンワ</t>
    </rPh>
    <rPh sb="2" eb="5">
      <t>コウカンキ</t>
    </rPh>
    <rPh sb="6" eb="8">
      <t>ホシュ</t>
    </rPh>
    <rPh sb="8" eb="10">
      <t>テンケン</t>
    </rPh>
    <phoneticPr fontId="4"/>
  </si>
  <si>
    <t>検体検査機器</t>
    <rPh sb="0" eb="2">
      <t>ケンタイ</t>
    </rPh>
    <rPh sb="2" eb="4">
      <t>ケンサ</t>
    </rPh>
    <rPh sb="4" eb="6">
      <t>キキ</t>
    </rPh>
    <phoneticPr fontId="4"/>
  </si>
  <si>
    <t>テレビ共聴設備</t>
    <rPh sb="3" eb="4">
      <t>キョウ</t>
    </rPh>
    <rPh sb="4" eb="5">
      <t>チョウ</t>
    </rPh>
    <rPh sb="5" eb="7">
      <t>セツビ</t>
    </rPh>
    <phoneticPr fontId="4"/>
  </si>
  <si>
    <t>治療用機器</t>
    <rPh sb="0" eb="3">
      <t>チリョウヨウ</t>
    </rPh>
    <rPh sb="3" eb="5">
      <t>キキ</t>
    </rPh>
    <phoneticPr fontId="4"/>
  </si>
  <si>
    <t>放送設備</t>
    <rPh sb="0" eb="2">
      <t>ホウソウ</t>
    </rPh>
    <rPh sb="2" eb="4">
      <t>セツビ</t>
    </rPh>
    <phoneticPr fontId="4"/>
  </si>
  <si>
    <t>放射線関連機器</t>
    <rPh sb="0" eb="3">
      <t>ホウシャセン</t>
    </rPh>
    <rPh sb="3" eb="5">
      <t>カンレン</t>
    </rPh>
    <rPh sb="5" eb="7">
      <t>キキ</t>
    </rPh>
    <phoneticPr fontId="4"/>
  </si>
  <si>
    <t>手術関連機器</t>
    <rPh sb="0" eb="2">
      <t>シュジュツ</t>
    </rPh>
    <rPh sb="2" eb="4">
      <t>カンレン</t>
    </rPh>
    <rPh sb="4" eb="6">
      <t>キキ</t>
    </rPh>
    <phoneticPr fontId="4"/>
  </si>
  <si>
    <t>看護・介護用機器</t>
    <rPh sb="0" eb="2">
      <t>カンゴ</t>
    </rPh>
    <rPh sb="3" eb="6">
      <t>カイゴヨウ</t>
    </rPh>
    <rPh sb="6" eb="8">
      <t>キキ</t>
    </rPh>
    <phoneticPr fontId="4"/>
  </si>
  <si>
    <t>A施設警備</t>
  </si>
  <si>
    <t>調剤機器</t>
    <rPh sb="0" eb="2">
      <t>チョウザイ</t>
    </rPh>
    <rPh sb="2" eb="4">
      <t>キキ</t>
    </rPh>
    <phoneticPr fontId="4"/>
  </si>
  <si>
    <t>B機械警備</t>
  </si>
  <si>
    <t>歯科用機器</t>
    <rPh sb="0" eb="2">
      <t>シカ</t>
    </rPh>
    <rPh sb="2" eb="3">
      <t>ヨウ</t>
    </rPh>
    <rPh sb="3" eb="5">
      <t>キキ</t>
    </rPh>
    <phoneticPr fontId="4"/>
  </si>
  <si>
    <t>Ｃその他の警備</t>
  </si>
  <si>
    <t>その他医療機器</t>
    <rPh sb="2" eb="3">
      <t>タ</t>
    </rPh>
    <rPh sb="3" eb="5">
      <t>イリョウ</t>
    </rPh>
    <rPh sb="5" eb="7">
      <t>キキ</t>
    </rPh>
    <phoneticPr fontId="4"/>
  </si>
  <si>
    <t>D駐車場管理</t>
  </si>
  <si>
    <t>気体分析機器</t>
    <rPh sb="0" eb="2">
      <t>キタイ</t>
    </rPh>
    <rPh sb="2" eb="4">
      <t>ブンセキ</t>
    </rPh>
    <rPh sb="4" eb="6">
      <t>キキ</t>
    </rPh>
    <phoneticPr fontId="4"/>
  </si>
  <si>
    <t>E受付</t>
  </si>
  <si>
    <t>施設受付</t>
    <rPh sb="0" eb="2">
      <t>シセツ</t>
    </rPh>
    <rPh sb="2" eb="4">
      <t>ウケツケ</t>
    </rPh>
    <phoneticPr fontId="4"/>
  </si>
  <si>
    <t>液体分析機器</t>
    <rPh sb="0" eb="2">
      <t>エキタイ</t>
    </rPh>
    <rPh sb="2" eb="4">
      <t>ブンセキ</t>
    </rPh>
    <rPh sb="4" eb="6">
      <t>キキ</t>
    </rPh>
    <phoneticPr fontId="4"/>
  </si>
  <si>
    <t>会場案内</t>
    <rPh sb="0" eb="2">
      <t>カイジョウ</t>
    </rPh>
    <rPh sb="2" eb="4">
      <t>アンナイ</t>
    </rPh>
    <phoneticPr fontId="4"/>
  </si>
  <si>
    <t>光学分析機器</t>
    <rPh sb="0" eb="2">
      <t>コウガク</t>
    </rPh>
    <rPh sb="2" eb="4">
      <t>ブンセキ</t>
    </rPh>
    <rPh sb="4" eb="6">
      <t>キキ</t>
    </rPh>
    <phoneticPr fontId="4"/>
  </si>
  <si>
    <t>その他分析機器</t>
    <rPh sb="2" eb="3">
      <t>タ</t>
    </rPh>
    <rPh sb="3" eb="5">
      <t>ブンセキ</t>
    </rPh>
    <rPh sb="5" eb="7">
      <t>キキ</t>
    </rPh>
    <phoneticPr fontId="4"/>
  </si>
  <si>
    <t>F電話交換</t>
  </si>
  <si>
    <t>試験研究機器</t>
    <rPh sb="0" eb="2">
      <t>シケン</t>
    </rPh>
    <rPh sb="2" eb="4">
      <t>ケンキュウ</t>
    </rPh>
    <rPh sb="4" eb="6">
      <t>キキ</t>
    </rPh>
    <phoneticPr fontId="4"/>
  </si>
  <si>
    <t>15</t>
  </si>
  <si>
    <t>顕微鏡</t>
    <rPh sb="0" eb="3">
      <t>ケンビキョウ</t>
    </rPh>
    <phoneticPr fontId="4"/>
  </si>
  <si>
    <t>A調査・研究</t>
  </si>
  <si>
    <t>意識調査</t>
    <rPh sb="0" eb="2">
      <t>イシキ</t>
    </rPh>
    <rPh sb="2" eb="4">
      <t>チョウサ</t>
    </rPh>
    <phoneticPr fontId="4"/>
  </si>
  <si>
    <t>16</t>
  </si>
  <si>
    <t>気象用計測機器</t>
    <rPh sb="0" eb="3">
      <t>キショウヨウ</t>
    </rPh>
    <rPh sb="3" eb="5">
      <t>ケイソク</t>
    </rPh>
    <rPh sb="5" eb="7">
      <t>キキ</t>
    </rPh>
    <phoneticPr fontId="4"/>
  </si>
  <si>
    <t>市場経済調査</t>
    <rPh sb="0" eb="2">
      <t>シジョウ</t>
    </rPh>
    <rPh sb="2" eb="4">
      <t>ケイザイ</t>
    </rPh>
    <rPh sb="4" eb="6">
      <t>チョウサ</t>
    </rPh>
    <phoneticPr fontId="4"/>
  </si>
  <si>
    <t>17</t>
  </si>
  <si>
    <t>測量用計測機器</t>
    <rPh sb="0" eb="3">
      <t>ソクリョウヨウ</t>
    </rPh>
    <rPh sb="3" eb="5">
      <t>ケイソク</t>
    </rPh>
    <rPh sb="5" eb="7">
      <t>キキ</t>
    </rPh>
    <phoneticPr fontId="4"/>
  </si>
  <si>
    <t>交通関係調査</t>
    <rPh sb="0" eb="2">
      <t>コウツウ</t>
    </rPh>
    <rPh sb="2" eb="4">
      <t>カンケイ</t>
    </rPh>
    <rPh sb="4" eb="6">
      <t>チョウサ</t>
    </rPh>
    <phoneticPr fontId="4"/>
  </si>
  <si>
    <t>18</t>
  </si>
  <si>
    <t>大気測定機器</t>
    <rPh sb="0" eb="2">
      <t>タイキ</t>
    </rPh>
    <rPh sb="2" eb="4">
      <t>ソクテイ</t>
    </rPh>
    <rPh sb="4" eb="6">
      <t>キキ</t>
    </rPh>
    <phoneticPr fontId="4"/>
  </si>
  <si>
    <t>環境関係調査</t>
    <rPh sb="0" eb="2">
      <t>カンキョウ</t>
    </rPh>
    <rPh sb="2" eb="4">
      <t>カンケイ</t>
    </rPh>
    <rPh sb="4" eb="6">
      <t>チョウサ</t>
    </rPh>
    <phoneticPr fontId="4"/>
  </si>
  <si>
    <t>19</t>
  </si>
  <si>
    <t>水質測定機器</t>
    <rPh sb="0" eb="2">
      <t>スイシツ</t>
    </rPh>
    <rPh sb="2" eb="4">
      <t>ソクテイ</t>
    </rPh>
    <rPh sb="4" eb="6">
      <t>キキ</t>
    </rPh>
    <phoneticPr fontId="4"/>
  </si>
  <si>
    <t>漏水調査</t>
    <rPh sb="0" eb="2">
      <t>ロウスイ</t>
    </rPh>
    <rPh sb="2" eb="4">
      <t>チョウサ</t>
    </rPh>
    <phoneticPr fontId="4"/>
  </si>
  <si>
    <t>20</t>
  </si>
  <si>
    <t>振動・音響測定機器</t>
    <rPh sb="0" eb="2">
      <t>シンドウ</t>
    </rPh>
    <rPh sb="3" eb="5">
      <t>オンキョウ</t>
    </rPh>
    <rPh sb="5" eb="7">
      <t>ソクテイ</t>
    </rPh>
    <rPh sb="7" eb="9">
      <t>キキ</t>
    </rPh>
    <phoneticPr fontId="4"/>
  </si>
  <si>
    <t>研究</t>
    <rPh sb="0" eb="2">
      <t>ケンキュウ</t>
    </rPh>
    <phoneticPr fontId="4"/>
  </si>
  <si>
    <t>21</t>
  </si>
  <si>
    <t>放射線測定機器</t>
    <rPh sb="0" eb="3">
      <t>ホウシャセン</t>
    </rPh>
    <rPh sb="3" eb="5">
      <t>ソクテイ</t>
    </rPh>
    <rPh sb="5" eb="7">
      <t>キキ</t>
    </rPh>
    <phoneticPr fontId="4"/>
  </si>
  <si>
    <t>計画</t>
    <rPh sb="0" eb="2">
      <t>ケイカク</t>
    </rPh>
    <phoneticPr fontId="4"/>
  </si>
  <si>
    <t>22</t>
  </si>
  <si>
    <t>電気・磁気測定機器</t>
    <rPh sb="0" eb="2">
      <t>デンキ</t>
    </rPh>
    <rPh sb="3" eb="5">
      <t>ジキ</t>
    </rPh>
    <rPh sb="5" eb="7">
      <t>ソクテイ</t>
    </rPh>
    <rPh sb="7" eb="9">
      <t>キキ</t>
    </rPh>
    <phoneticPr fontId="4"/>
  </si>
  <si>
    <t>23</t>
  </si>
  <si>
    <t>速度測定機器</t>
    <rPh sb="0" eb="2">
      <t>ソクド</t>
    </rPh>
    <rPh sb="2" eb="4">
      <t>ソクテイ</t>
    </rPh>
    <rPh sb="4" eb="6">
      <t>キキ</t>
    </rPh>
    <phoneticPr fontId="4"/>
  </si>
  <si>
    <t>B環境測定</t>
  </si>
  <si>
    <t>大気・悪臭検査</t>
    <rPh sb="0" eb="2">
      <t>タイキ</t>
    </rPh>
    <rPh sb="3" eb="5">
      <t>アクシュウ</t>
    </rPh>
    <rPh sb="5" eb="7">
      <t>ケンサ</t>
    </rPh>
    <phoneticPr fontId="4"/>
  </si>
  <si>
    <t>24</t>
  </si>
  <si>
    <t>超音波測定機器</t>
    <rPh sb="0" eb="3">
      <t>チョウオンパ</t>
    </rPh>
    <rPh sb="3" eb="5">
      <t>ソクテイ</t>
    </rPh>
    <rPh sb="5" eb="7">
      <t>キキ</t>
    </rPh>
    <phoneticPr fontId="4"/>
  </si>
  <si>
    <t>水質・土壌検査</t>
    <rPh sb="0" eb="2">
      <t>スイシツ</t>
    </rPh>
    <rPh sb="3" eb="5">
      <t>ドジョウ</t>
    </rPh>
    <rPh sb="5" eb="7">
      <t>ケンサ</t>
    </rPh>
    <phoneticPr fontId="4"/>
  </si>
  <si>
    <t>ダイオキシン検査</t>
    <rPh sb="6" eb="8">
      <t>ケンサ</t>
    </rPh>
    <phoneticPr fontId="4"/>
  </si>
  <si>
    <t>G　その他機械器具</t>
  </si>
  <si>
    <t>厨房用調理器</t>
    <rPh sb="0" eb="2">
      <t>チュウボウ</t>
    </rPh>
    <rPh sb="2" eb="3">
      <t>ヨウ</t>
    </rPh>
    <rPh sb="3" eb="6">
      <t>チョウリキ</t>
    </rPh>
    <phoneticPr fontId="4"/>
  </si>
  <si>
    <t>調理台・流し台</t>
    <rPh sb="0" eb="2">
      <t>チョウリ</t>
    </rPh>
    <rPh sb="2" eb="3">
      <t>ダイ</t>
    </rPh>
    <rPh sb="4" eb="5">
      <t>ナガ</t>
    </rPh>
    <rPh sb="6" eb="7">
      <t>ダイ</t>
    </rPh>
    <phoneticPr fontId="4"/>
  </si>
  <si>
    <t>C理化学検査</t>
  </si>
  <si>
    <t>厨房用洗浄・消毒機器</t>
    <rPh sb="0" eb="2">
      <t>チュウボウ</t>
    </rPh>
    <rPh sb="2" eb="3">
      <t>ヨウ</t>
    </rPh>
    <rPh sb="3" eb="5">
      <t>センジョウ</t>
    </rPh>
    <rPh sb="6" eb="8">
      <t>ショウドク</t>
    </rPh>
    <rPh sb="8" eb="10">
      <t>キキ</t>
    </rPh>
    <phoneticPr fontId="4"/>
  </si>
  <si>
    <t>D作業環境測定</t>
  </si>
  <si>
    <t>厨房用冷凍・冷蔵機器</t>
    <rPh sb="0" eb="2">
      <t>チュウボウ</t>
    </rPh>
    <rPh sb="2" eb="3">
      <t>ヨウ</t>
    </rPh>
    <rPh sb="3" eb="5">
      <t>レイトウ</t>
    </rPh>
    <rPh sb="6" eb="8">
      <t>レイゾウ</t>
    </rPh>
    <rPh sb="8" eb="10">
      <t>キキ</t>
    </rPh>
    <phoneticPr fontId="4"/>
  </si>
  <si>
    <t>E水道水質検査</t>
  </si>
  <si>
    <t>厨房用給湯器</t>
    <rPh sb="0" eb="2">
      <t>チュウボウ</t>
    </rPh>
    <rPh sb="2" eb="3">
      <t>ヨウ</t>
    </rPh>
    <rPh sb="3" eb="6">
      <t>キュウトウキ</t>
    </rPh>
    <phoneticPr fontId="4"/>
  </si>
  <si>
    <t>その他厨房機器</t>
    <rPh sb="2" eb="3">
      <t>タ</t>
    </rPh>
    <rPh sb="3" eb="5">
      <t>チュウボウ</t>
    </rPh>
    <rPh sb="5" eb="7">
      <t>キキ</t>
    </rPh>
    <phoneticPr fontId="4"/>
  </si>
  <si>
    <t>A情報提供サービス</t>
  </si>
  <si>
    <t>データベース</t>
    <phoneticPr fontId="4"/>
  </si>
  <si>
    <t>建設用機器</t>
    <rPh sb="0" eb="2">
      <t>ケンセツ</t>
    </rPh>
    <rPh sb="2" eb="3">
      <t>ヨウ</t>
    </rPh>
    <rPh sb="3" eb="5">
      <t>キキ</t>
    </rPh>
    <phoneticPr fontId="4"/>
  </si>
  <si>
    <t>ＦＡＸ</t>
    <phoneticPr fontId="4"/>
  </si>
  <si>
    <t>農業用機器</t>
    <rPh sb="0" eb="2">
      <t>ノウギョウ</t>
    </rPh>
    <rPh sb="2" eb="3">
      <t>ヨウ</t>
    </rPh>
    <rPh sb="3" eb="5">
      <t>キキ</t>
    </rPh>
    <phoneticPr fontId="4"/>
  </si>
  <si>
    <t>畜産用機器</t>
    <rPh sb="0" eb="2">
      <t>チクサン</t>
    </rPh>
    <rPh sb="2" eb="3">
      <t>ヨウ</t>
    </rPh>
    <rPh sb="3" eb="5">
      <t>キキ</t>
    </rPh>
    <phoneticPr fontId="4"/>
  </si>
  <si>
    <t>B電気通信回線サービス</t>
  </si>
  <si>
    <t>林産用機器</t>
    <rPh sb="0" eb="2">
      <t>リンサン</t>
    </rPh>
    <rPh sb="2" eb="3">
      <t>ヨウ</t>
    </rPh>
    <rPh sb="3" eb="5">
      <t>キキ</t>
    </rPh>
    <phoneticPr fontId="4"/>
  </si>
  <si>
    <t>データ通信</t>
    <rPh sb="3" eb="5">
      <t>ツウシン</t>
    </rPh>
    <phoneticPr fontId="4"/>
  </si>
  <si>
    <t>水産用機器</t>
    <rPh sb="0" eb="2">
      <t>スイサン</t>
    </rPh>
    <rPh sb="2" eb="3">
      <t>ヨウ</t>
    </rPh>
    <rPh sb="3" eb="5">
      <t>キキ</t>
    </rPh>
    <phoneticPr fontId="4"/>
  </si>
  <si>
    <t>インターネットプロバイダ</t>
    <phoneticPr fontId="4"/>
  </si>
  <si>
    <t>食品加工機器</t>
    <rPh sb="0" eb="2">
      <t>ショクヒン</t>
    </rPh>
    <rPh sb="2" eb="4">
      <t>カコウ</t>
    </rPh>
    <rPh sb="4" eb="6">
      <t>キキ</t>
    </rPh>
    <phoneticPr fontId="4"/>
  </si>
  <si>
    <t>工作機械</t>
    <rPh sb="0" eb="2">
      <t>コウサク</t>
    </rPh>
    <rPh sb="2" eb="4">
      <t>キカイ</t>
    </rPh>
    <phoneticPr fontId="4"/>
  </si>
  <si>
    <t>Ｃシステムの設計・開発</t>
  </si>
  <si>
    <t>各種産業機器</t>
    <rPh sb="0" eb="2">
      <t>カクシュ</t>
    </rPh>
    <rPh sb="2" eb="4">
      <t>サンギョウ</t>
    </rPh>
    <rPh sb="4" eb="6">
      <t>キキ</t>
    </rPh>
    <phoneticPr fontId="4"/>
  </si>
  <si>
    <t>Dシステムの保守・管理</t>
  </si>
  <si>
    <t>ボイラー</t>
    <phoneticPr fontId="4"/>
  </si>
  <si>
    <t>Eホームページ作成・管理</t>
  </si>
  <si>
    <t>発電機器</t>
    <rPh sb="0" eb="2">
      <t>ハツデン</t>
    </rPh>
    <rPh sb="2" eb="4">
      <t>キキ</t>
    </rPh>
    <phoneticPr fontId="4"/>
  </si>
  <si>
    <t>Fデータ処理</t>
  </si>
  <si>
    <t>エンジン</t>
    <phoneticPr fontId="4"/>
  </si>
  <si>
    <t>GＩＴコンサルティング</t>
  </si>
  <si>
    <t>A　クリーニング</t>
  </si>
  <si>
    <t>A　買受</t>
  </si>
  <si>
    <t>ポンプ</t>
    <phoneticPr fontId="4"/>
  </si>
  <si>
    <t>ストーブ</t>
    <phoneticPr fontId="4"/>
  </si>
  <si>
    <t>広告代理</t>
    <rPh sb="0" eb="2">
      <t>コウコク</t>
    </rPh>
    <rPh sb="2" eb="4">
      <t>ダイリ</t>
    </rPh>
    <phoneticPr fontId="4"/>
  </si>
  <si>
    <t>空調機器</t>
    <rPh sb="0" eb="2">
      <t>クウチョウ</t>
    </rPh>
    <rPh sb="2" eb="4">
      <t>キキ</t>
    </rPh>
    <phoneticPr fontId="4"/>
  </si>
  <si>
    <t>テレビ・ラジオ・新聞等</t>
    <rPh sb="8" eb="10">
      <t>シンブン</t>
    </rPh>
    <rPh sb="10" eb="11">
      <t>トウ</t>
    </rPh>
    <phoneticPr fontId="4"/>
  </si>
  <si>
    <t>給排水機器</t>
    <rPh sb="0" eb="3">
      <t>キュウハイスイ</t>
    </rPh>
    <rPh sb="3" eb="5">
      <t>キキ</t>
    </rPh>
    <phoneticPr fontId="4"/>
  </si>
  <si>
    <t>新聞折込</t>
    <rPh sb="0" eb="2">
      <t>シンブン</t>
    </rPh>
    <rPh sb="2" eb="4">
      <t>オリコミ</t>
    </rPh>
    <phoneticPr fontId="4"/>
  </si>
  <si>
    <t>焼却炉</t>
    <rPh sb="0" eb="3">
      <t>ショウキャクロ</t>
    </rPh>
    <phoneticPr fontId="4"/>
  </si>
  <si>
    <t>-</t>
    <phoneticPr fontId="4"/>
  </si>
  <si>
    <t>Ｈ　車両・船舶</t>
  </si>
  <si>
    <t>乗用車・バス</t>
    <rPh sb="0" eb="3">
      <t>ジョウヨウシャ</t>
    </rPh>
    <phoneticPr fontId="4"/>
  </si>
  <si>
    <t>貨物自動車</t>
    <rPh sb="0" eb="2">
      <t>カモツ</t>
    </rPh>
    <rPh sb="2" eb="5">
      <t>ジドウシャ</t>
    </rPh>
    <phoneticPr fontId="4"/>
  </si>
  <si>
    <t>企画・運営</t>
    <rPh sb="0" eb="2">
      <t>キカク</t>
    </rPh>
    <rPh sb="3" eb="5">
      <t>ウンエイ</t>
    </rPh>
    <phoneticPr fontId="4"/>
  </si>
  <si>
    <t>自動二輪車</t>
    <rPh sb="0" eb="2">
      <t>ジドウ</t>
    </rPh>
    <rPh sb="2" eb="5">
      <t>ニリンシャ</t>
    </rPh>
    <phoneticPr fontId="4"/>
  </si>
  <si>
    <t>会場設営</t>
    <rPh sb="0" eb="2">
      <t>カイジョウ</t>
    </rPh>
    <rPh sb="2" eb="4">
      <t>セツエイ</t>
    </rPh>
    <phoneticPr fontId="4"/>
  </si>
  <si>
    <t>特殊車両</t>
    <rPh sb="0" eb="2">
      <t>トクシュ</t>
    </rPh>
    <rPh sb="2" eb="4">
      <t>シャリョウ</t>
    </rPh>
    <phoneticPr fontId="4"/>
  </si>
  <si>
    <t>音響・照明機器等の操作</t>
    <rPh sb="0" eb="2">
      <t>オンキョウ</t>
    </rPh>
    <rPh sb="3" eb="5">
      <t>ショウメイ</t>
    </rPh>
    <rPh sb="5" eb="7">
      <t>キキ</t>
    </rPh>
    <rPh sb="7" eb="8">
      <t>トウ</t>
    </rPh>
    <rPh sb="9" eb="11">
      <t>ソウサ</t>
    </rPh>
    <phoneticPr fontId="4"/>
  </si>
  <si>
    <t>自転車</t>
    <rPh sb="0" eb="3">
      <t>ジテンシャ</t>
    </rPh>
    <phoneticPr fontId="4"/>
  </si>
  <si>
    <t>車両部品</t>
    <rPh sb="0" eb="2">
      <t>シャリョウ</t>
    </rPh>
    <rPh sb="2" eb="4">
      <t>ブヒン</t>
    </rPh>
    <phoneticPr fontId="4"/>
  </si>
  <si>
    <t>職員研修</t>
    <rPh sb="0" eb="2">
      <t>ショクイン</t>
    </rPh>
    <rPh sb="2" eb="4">
      <t>ケンシュウ</t>
    </rPh>
    <phoneticPr fontId="4"/>
  </si>
  <si>
    <t>車両整備</t>
    <rPh sb="0" eb="2">
      <t>シャリョウ</t>
    </rPh>
    <rPh sb="2" eb="4">
      <t>セイビ</t>
    </rPh>
    <phoneticPr fontId="4"/>
  </si>
  <si>
    <t>航空機訓練</t>
    <rPh sb="0" eb="3">
      <t>コウクウキ</t>
    </rPh>
    <rPh sb="3" eb="5">
      <t>クンレン</t>
    </rPh>
    <phoneticPr fontId="4"/>
  </si>
  <si>
    <t>船舶</t>
    <phoneticPr fontId="4"/>
  </si>
  <si>
    <t>職業訓練</t>
    <rPh sb="0" eb="2">
      <t>ショクギョウ</t>
    </rPh>
    <rPh sb="2" eb="4">
      <t>クンレン</t>
    </rPh>
    <phoneticPr fontId="4"/>
  </si>
  <si>
    <t>船舶部品</t>
    <rPh sb="0" eb="2">
      <t>センパク</t>
    </rPh>
    <rPh sb="2" eb="4">
      <t>ブヒン</t>
    </rPh>
    <phoneticPr fontId="4"/>
  </si>
  <si>
    <t>運転免許関係講習</t>
    <rPh sb="0" eb="2">
      <t>ウンテン</t>
    </rPh>
    <rPh sb="2" eb="4">
      <t>メンキョ</t>
    </rPh>
    <rPh sb="4" eb="6">
      <t>カンケイ</t>
    </rPh>
    <rPh sb="6" eb="8">
      <t>コウシュウ</t>
    </rPh>
    <phoneticPr fontId="4"/>
  </si>
  <si>
    <t>航空機</t>
    <rPh sb="0" eb="3">
      <t>コウクウキ</t>
    </rPh>
    <phoneticPr fontId="4"/>
  </si>
  <si>
    <t>航空機部品</t>
    <rPh sb="0" eb="3">
      <t>コウクウキ</t>
    </rPh>
    <rPh sb="3" eb="5">
      <t>ブヒン</t>
    </rPh>
    <phoneticPr fontId="4"/>
  </si>
  <si>
    <t>Ｉ　医薬品・産業薬品</t>
  </si>
  <si>
    <t>医療用医薬品</t>
    <rPh sb="0" eb="3">
      <t>イリョウヨウ</t>
    </rPh>
    <rPh sb="3" eb="6">
      <t>イヤクヒン</t>
    </rPh>
    <phoneticPr fontId="4"/>
  </si>
  <si>
    <t>写真撮影</t>
    <rPh sb="0" eb="2">
      <t>シャシン</t>
    </rPh>
    <rPh sb="2" eb="4">
      <t>サツエイ</t>
    </rPh>
    <phoneticPr fontId="4"/>
  </si>
  <si>
    <t>一般用医薬品</t>
    <rPh sb="0" eb="3">
      <t>イッパンヨウ</t>
    </rPh>
    <rPh sb="3" eb="6">
      <t>イヤクヒン</t>
    </rPh>
    <phoneticPr fontId="4"/>
  </si>
  <si>
    <t>航空写真</t>
    <rPh sb="0" eb="2">
      <t>コウクウ</t>
    </rPh>
    <rPh sb="2" eb="4">
      <t>シャシン</t>
    </rPh>
    <phoneticPr fontId="4"/>
  </si>
  <si>
    <t>動物用医薬品</t>
    <rPh sb="0" eb="3">
      <t>ドウブツヨウ</t>
    </rPh>
    <rPh sb="3" eb="6">
      <t>イヤクヒン</t>
    </rPh>
    <phoneticPr fontId="4"/>
  </si>
  <si>
    <t>図面製作</t>
    <rPh sb="0" eb="2">
      <t>ズメン</t>
    </rPh>
    <rPh sb="2" eb="4">
      <t>セイサク</t>
    </rPh>
    <phoneticPr fontId="4"/>
  </si>
  <si>
    <t>医療用ガス</t>
    <rPh sb="0" eb="3">
      <t>イリョウヨウ</t>
    </rPh>
    <phoneticPr fontId="4"/>
  </si>
  <si>
    <t>ワクチン</t>
    <phoneticPr fontId="4"/>
  </si>
  <si>
    <t>血清</t>
    <rPh sb="0" eb="2">
      <t>ケッセイ</t>
    </rPh>
    <phoneticPr fontId="4"/>
  </si>
  <si>
    <t>培地</t>
    <rPh sb="0" eb="2">
      <t>バイチ</t>
    </rPh>
    <phoneticPr fontId="4"/>
  </si>
  <si>
    <t>引越し</t>
    <rPh sb="0" eb="2">
      <t>ヒッコ</t>
    </rPh>
    <phoneticPr fontId="4"/>
  </si>
  <si>
    <t>医療検査試薬</t>
    <rPh sb="0" eb="2">
      <t>イリョウ</t>
    </rPh>
    <rPh sb="2" eb="4">
      <t>ケンサ</t>
    </rPh>
    <rPh sb="4" eb="6">
      <t>シヤク</t>
    </rPh>
    <phoneticPr fontId="4"/>
  </si>
  <si>
    <t>美術品、楽器</t>
    <rPh sb="0" eb="2">
      <t>ビジュツ</t>
    </rPh>
    <rPh sb="2" eb="3">
      <t>ヒン</t>
    </rPh>
    <rPh sb="4" eb="6">
      <t>ガッキ</t>
    </rPh>
    <phoneticPr fontId="4"/>
  </si>
  <si>
    <t>衛生材料</t>
    <rPh sb="0" eb="2">
      <t>エイセイ</t>
    </rPh>
    <rPh sb="2" eb="4">
      <t>ザイリョウ</t>
    </rPh>
    <phoneticPr fontId="4"/>
  </si>
  <si>
    <t>宅配便</t>
    <rPh sb="0" eb="3">
      <t>タクハイビン</t>
    </rPh>
    <phoneticPr fontId="4"/>
  </si>
  <si>
    <t>介護用品</t>
    <rPh sb="0" eb="2">
      <t>カイゴ</t>
    </rPh>
    <rPh sb="2" eb="4">
      <t>ヨウヒン</t>
    </rPh>
    <phoneticPr fontId="4"/>
  </si>
  <si>
    <t>化学工業薬品</t>
    <rPh sb="0" eb="2">
      <t>カガク</t>
    </rPh>
    <rPh sb="2" eb="4">
      <t>コウギョウ</t>
    </rPh>
    <rPh sb="4" eb="6">
      <t>ヤクヒン</t>
    </rPh>
    <phoneticPr fontId="4"/>
  </si>
  <si>
    <t>農薬</t>
    <rPh sb="0" eb="2">
      <t>ノウヤク</t>
    </rPh>
    <phoneticPr fontId="4"/>
  </si>
  <si>
    <t>凍結防止剤</t>
    <rPh sb="0" eb="2">
      <t>トウケツ</t>
    </rPh>
    <rPh sb="2" eb="5">
      <t>ボウシザイ</t>
    </rPh>
    <phoneticPr fontId="4"/>
  </si>
  <si>
    <t>Ｊ　燃料</t>
  </si>
  <si>
    <t>ガソリン</t>
    <phoneticPr fontId="4"/>
  </si>
  <si>
    <t>灯油</t>
    <rPh sb="0" eb="2">
      <t>トウユ</t>
    </rPh>
    <phoneticPr fontId="4"/>
  </si>
  <si>
    <t>軽油</t>
    <rPh sb="0" eb="2">
      <t>ケイユ</t>
    </rPh>
    <phoneticPr fontId="4"/>
  </si>
  <si>
    <t>重油</t>
    <rPh sb="0" eb="2">
      <t>ジュウユ</t>
    </rPh>
    <phoneticPr fontId="4"/>
  </si>
  <si>
    <t>石炭、木炭</t>
  </si>
  <si>
    <t>ガス</t>
  </si>
  <si>
    <t>潤滑油</t>
    <rPh sb="0" eb="3">
      <t>ジュンカツユ</t>
    </rPh>
    <phoneticPr fontId="4"/>
  </si>
  <si>
    <t>Ｋ　建材・資材</t>
  </si>
  <si>
    <t>鋼材</t>
    <rPh sb="0" eb="2">
      <t>コウザイ</t>
    </rPh>
    <phoneticPr fontId="4"/>
  </si>
  <si>
    <t>金網</t>
    <rPh sb="0" eb="2">
      <t>カナアミ</t>
    </rPh>
    <phoneticPr fontId="4"/>
  </si>
  <si>
    <t>学校給食（現地調理）</t>
    <rPh sb="0" eb="2">
      <t>ガッコウ</t>
    </rPh>
    <rPh sb="2" eb="4">
      <t>キュウショク</t>
    </rPh>
    <rPh sb="5" eb="7">
      <t>ゲンチ</t>
    </rPh>
    <rPh sb="7" eb="9">
      <t>チョウリ</t>
    </rPh>
    <phoneticPr fontId="4"/>
  </si>
  <si>
    <t>鉄鋼二次製品・非鉄金属</t>
    <rPh sb="0" eb="2">
      <t>テッコウ</t>
    </rPh>
    <rPh sb="2" eb="4">
      <t>ニジ</t>
    </rPh>
    <rPh sb="4" eb="6">
      <t>セイヒン</t>
    </rPh>
    <rPh sb="7" eb="9">
      <t>ヒテツ</t>
    </rPh>
    <rPh sb="9" eb="11">
      <t>キンゾク</t>
    </rPh>
    <phoneticPr fontId="4"/>
  </si>
  <si>
    <t>学校給食（デリバリー）</t>
    <rPh sb="0" eb="2">
      <t>ガッコウ</t>
    </rPh>
    <rPh sb="2" eb="4">
      <t>キュウショク</t>
    </rPh>
    <phoneticPr fontId="4"/>
  </si>
  <si>
    <t>コンクリート・セメント</t>
    <phoneticPr fontId="4"/>
  </si>
  <si>
    <t>病院給食</t>
    <rPh sb="0" eb="2">
      <t>ビョウイン</t>
    </rPh>
    <rPh sb="2" eb="4">
      <t>キュウショク</t>
    </rPh>
    <phoneticPr fontId="4"/>
  </si>
  <si>
    <t>砕石・砂利</t>
    <rPh sb="0" eb="2">
      <t>サイセキ</t>
    </rPh>
    <rPh sb="3" eb="5">
      <t>ジャリ</t>
    </rPh>
    <phoneticPr fontId="4"/>
  </si>
  <si>
    <t>寮･宿舎賄い</t>
    <rPh sb="0" eb="1">
      <t>リョウ</t>
    </rPh>
    <rPh sb="2" eb="4">
      <t>シュクシャ</t>
    </rPh>
    <rPh sb="4" eb="5">
      <t>マカナ</t>
    </rPh>
    <phoneticPr fontId="4"/>
  </si>
  <si>
    <t>ブロック・レンガ</t>
    <phoneticPr fontId="4"/>
  </si>
  <si>
    <t>コンクリート二次製品</t>
    <rPh sb="6" eb="8">
      <t>ニジ</t>
    </rPh>
    <rPh sb="8" eb="10">
      <t>セイヒン</t>
    </rPh>
    <phoneticPr fontId="4"/>
  </si>
  <si>
    <t>工業用ゴム製品</t>
    <rPh sb="0" eb="3">
      <t>コウギョウヨウ</t>
    </rPh>
    <rPh sb="5" eb="7">
      <t>セイヒン</t>
    </rPh>
    <phoneticPr fontId="4"/>
  </si>
  <si>
    <t>仮設資材</t>
    <rPh sb="0" eb="2">
      <t>カセツ</t>
    </rPh>
    <rPh sb="2" eb="4">
      <t>シザイ</t>
    </rPh>
    <phoneticPr fontId="4"/>
  </si>
  <si>
    <t>電線・絶縁材料</t>
    <rPh sb="0" eb="2">
      <t>デンセン</t>
    </rPh>
    <rPh sb="3" eb="5">
      <t>ゼツエン</t>
    </rPh>
    <rPh sb="5" eb="7">
      <t>ザイリョウ</t>
    </rPh>
    <phoneticPr fontId="4"/>
  </si>
  <si>
    <t>計測機器</t>
    <rPh sb="0" eb="2">
      <t>ケイソク</t>
    </rPh>
    <rPh sb="2" eb="4">
      <t>キキ</t>
    </rPh>
    <phoneticPr fontId="4"/>
  </si>
  <si>
    <t>道路用品</t>
    <rPh sb="0" eb="2">
      <t>ドウロ</t>
    </rPh>
    <rPh sb="2" eb="4">
      <t>ヨウヒン</t>
    </rPh>
    <phoneticPr fontId="4"/>
  </si>
  <si>
    <t>水道用品</t>
    <rPh sb="0" eb="2">
      <t>スイドウ</t>
    </rPh>
    <rPh sb="2" eb="4">
      <t>ヨウヒン</t>
    </rPh>
    <phoneticPr fontId="4"/>
  </si>
  <si>
    <t>木材</t>
    <rPh sb="0" eb="2">
      <t>モクザイ</t>
    </rPh>
    <phoneticPr fontId="4"/>
  </si>
  <si>
    <t>建具</t>
    <rPh sb="0" eb="2">
      <t>タテグ</t>
    </rPh>
    <phoneticPr fontId="4"/>
  </si>
  <si>
    <t>建築金物</t>
    <rPh sb="0" eb="2">
      <t>ケンチク</t>
    </rPh>
    <rPh sb="2" eb="4">
      <t>カナモノ</t>
    </rPh>
    <phoneticPr fontId="4"/>
  </si>
  <si>
    <t>塗料</t>
    <rPh sb="0" eb="2">
      <t>トリョウ</t>
    </rPh>
    <phoneticPr fontId="4"/>
  </si>
  <si>
    <t>工具</t>
    <rPh sb="0" eb="2">
      <t>コウグ</t>
    </rPh>
    <phoneticPr fontId="4"/>
  </si>
  <si>
    <t>Ｌ　書籍</t>
  </si>
  <si>
    <t>図書</t>
    <rPh sb="0" eb="2">
      <t>トショ</t>
    </rPh>
    <phoneticPr fontId="4"/>
  </si>
  <si>
    <t>地図</t>
    <rPh sb="0" eb="2">
      <t>チズ</t>
    </rPh>
    <phoneticPr fontId="4"/>
  </si>
  <si>
    <t>雑誌・刊行物</t>
    <rPh sb="0" eb="2">
      <t>ザッシ</t>
    </rPh>
    <rPh sb="3" eb="6">
      <t>カンコウブツ</t>
    </rPh>
    <phoneticPr fontId="4"/>
  </si>
  <si>
    <t>Ｍ　看板・標識</t>
  </si>
  <si>
    <t>看板</t>
    <rPh sb="0" eb="2">
      <t>カンバン</t>
    </rPh>
    <phoneticPr fontId="4"/>
  </si>
  <si>
    <t>道路標識</t>
    <rPh sb="0" eb="2">
      <t>ドウロ</t>
    </rPh>
    <rPh sb="2" eb="4">
      <t>ヒョウシキ</t>
    </rPh>
    <phoneticPr fontId="4"/>
  </si>
  <si>
    <t>掲示板・展示板</t>
    <rPh sb="0" eb="3">
      <t>ケイジバン</t>
    </rPh>
    <rPh sb="4" eb="6">
      <t>テンジ</t>
    </rPh>
    <rPh sb="6" eb="7">
      <t>バン</t>
    </rPh>
    <phoneticPr fontId="4"/>
  </si>
  <si>
    <t>保険会社</t>
    <rPh sb="0" eb="2">
      <t>ホケン</t>
    </rPh>
    <rPh sb="2" eb="4">
      <t>ガイシャ</t>
    </rPh>
    <phoneticPr fontId="4"/>
  </si>
  <si>
    <t>黒板</t>
    <rPh sb="0" eb="2">
      <t>コクバン</t>
    </rPh>
    <phoneticPr fontId="4"/>
  </si>
  <si>
    <t>代理店</t>
    <rPh sb="0" eb="3">
      <t>ダイリテン</t>
    </rPh>
    <phoneticPr fontId="4"/>
  </si>
  <si>
    <t>旗・横断幕</t>
    <rPh sb="0" eb="1">
      <t>ハタ</t>
    </rPh>
    <rPh sb="2" eb="5">
      <t>オウダンマク</t>
    </rPh>
    <phoneticPr fontId="4"/>
  </si>
  <si>
    <t>腕章・ステッカー</t>
    <rPh sb="0" eb="2">
      <t>ワンショウ</t>
    </rPh>
    <phoneticPr fontId="4"/>
  </si>
  <si>
    <t>収集運搬</t>
    <rPh sb="0" eb="2">
      <t>シュウシュウ</t>
    </rPh>
    <rPh sb="2" eb="4">
      <t>ウンパン</t>
    </rPh>
    <phoneticPr fontId="4"/>
  </si>
  <si>
    <t>Ｎ　警察消防用品</t>
  </si>
  <si>
    <t>警察装備</t>
    <rPh sb="0" eb="2">
      <t>ケイサツ</t>
    </rPh>
    <rPh sb="2" eb="4">
      <t>ソウビ</t>
    </rPh>
    <phoneticPr fontId="4"/>
  </si>
  <si>
    <t>処理</t>
    <rPh sb="0" eb="2">
      <t>ショリ</t>
    </rPh>
    <phoneticPr fontId="4"/>
  </si>
  <si>
    <t>警察器具</t>
    <rPh sb="0" eb="2">
      <t>ケイサツ</t>
    </rPh>
    <rPh sb="2" eb="4">
      <t>キグ</t>
    </rPh>
    <phoneticPr fontId="4"/>
  </si>
  <si>
    <t>消火器</t>
    <rPh sb="0" eb="3">
      <t>ショウカキ</t>
    </rPh>
    <phoneticPr fontId="4"/>
  </si>
  <si>
    <t>消防器具</t>
    <rPh sb="0" eb="2">
      <t>ショウボウ</t>
    </rPh>
    <rPh sb="2" eb="4">
      <t>キグ</t>
    </rPh>
    <phoneticPr fontId="4"/>
  </si>
  <si>
    <t>避難救助器具</t>
    <rPh sb="0" eb="2">
      <t>ヒナン</t>
    </rPh>
    <rPh sb="2" eb="4">
      <t>キュウジョ</t>
    </rPh>
    <rPh sb="4" eb="6">
      <t>キグ</t>
    </rPh>
    <phoneticPr fontId="4"/>
  </si>
  <si>
    <t>防火服</t>
    <rPh sb="0" eb="2">
      <t>ボウカ</t>
    </rPh>
    <rPh sb="2" eb="3">
      <t>フク</t>
    </rPh>
    <phoneticPr fontId="4"/>
  </si>
  <si>
    <t>Ｏ　動植物</t>
  </si>
  <si>
    <t>植物</t>
    <rPh sb="0" eb="2">
      <t>ショクブツ</t>
    </rPh>
    <phoneticPr fontId="4"/>
  </si>
  <si>
    <t>農業園芸資材</t>
    <rPh sb="0" eb="2">
      <t>ノウギョウ</t>
    </rPh>
    <rPh sb="2" eb="4">
      <t>エンゲイ</t>
    </rPh>
    <rPh sb="4" eb="6">
      <t>シザイ</t>
    </rPh>
    <phoneticPr fontId="4"/>
  </si>
  <si>
    <t>動物</t>
    <rPh sb="0" eb="2">
      <t>ドウブツ</t>
    </rPh>
    <phoneticPr fontId="4"/>
  </si>
  <si>
    <t>飼料</t>
    <rPh sb="0" eb="2">
      <t>シリョウ</t>
    </rPh>
    <phoneticPr fontId="4"/>
  </si>
  <si>
    <t>Ｐ　食料品</t>
  </si>
  <si>
    <t>食料品</t>
    <rPh sb="0" eb="3">
      <t>ショクリョウヒン</t>
    </rPh>
    <phoneticPr fontId="4"/>
  </si>
  <si>
    <t>災害用備蓄食料</t>
    <rPh sb="0" eb="3">
      <t>サイガイヨウ</t>
    </rPh>
    <rPh sb="3" eb="5">
      <t>ビチク</t>
    </rPh>
    <rPh sb="5" eb="7">
      <t>ショクリョウ</t>
    </rPh>
    <phoneticPr fontId="4"/>
  </si>
  <si>
    <t>弁当</t>
    <rPh sb="0" eb="2">
      <t>ベントウ</t>
    </rPh>
    <phoneticPr fontId="4"/>
  </si>
  <si>
    <t>Z　その他物品</t>
  </si>
  <si>
    <t>教材</t>
    <rPh sb="0" eb="2">
      <t>キョウザイ</t>
    </rPh>
    <phoneticPr fontId="4"/>
  </si>
  <si>
    <t>教育機器</t>
    <rPh sb="0" eb="2">
      <t>キョウイク</t>
    </rPh>
    <rPh sb="2" eb="4">
      <t>キキ</t>
    </rPh>
    <phoneticPr fontId="4"/>
  </si>
  <si>
    <t>遊具</t>
    <rPh sb="0" eb="2">
      <t>ユウグ</t>
    </rPh>
    <phoneticPr fontId="4"/>
  </si>
  <si>
    <t>模型・標本</t>
    <rPh sb="0" eb="2">
      <t>モケイ</t>
    </rPh>
    <rPh sb="3" eb="5">
      <t>ヒョウホン</t>
    </rPh>
    <phoneticPr fontId="4"/>
  </si>
  <si>
    <t>運動器具・用品</t>
    <rPh sb="0" eb="2">
      <t>ウンドウ</t>
    </rPh>
    <rPh sb="2" eb="4">
      <t>キグ</t>
    </rPh>
    <rPh sb="5" eb="7">
      <t>ヨウヒン</t>
    </rPh>
    <phoneticPr fontId="4"/>
  </si>
  <si>
    <t>武道用品</t>
    <rPh sb="0" eb="2">
      <t>ブドウ</t>
    </rPh>
    <rPh sb="2" eb="4">
      <t>ヨウヒン</t>
    </rPh>
    <phoneticPr fontId="4"/>
  </si>
  <si>
    <t>アウトドア用品</t>
    <rPh sb="5" eb="7">
      <t>ヨウヒン</t>
    </rPh>
    <phoneticPr fontId="4"/>
  </si>
  <si>
    <t>楽器・楽譜</t>
    <rPh sb="0" eb="2">
      <t>ガッキ</t>
    </rPh>
    <rPh sb="3" eb="5">
      <t>ガクフ</t>
    </rPh>
    <phoneticPr fontId="4"/>
  </si>
  <si>
    <t>CD・レコード</t>
    <phoneticPr fontId="4"/>
  </si>
  <si>
    <t>映像ソフト</t>
    <rPh sb="0" eb="2">
      <t>エイゾウ</t>
    </rPh>
    <phoneticPr fontId="4"/>
  </si>
  <si>
    <t>娯楽用品</t>
    <rPh sb="0" eb="2">
      <t>ゴラク</t>
    </rPh>
    <rPh sb="2" eb="4">
      <t>ヨウヒン</t>
    </rPh>
    <phoneticPr fontId="4"/>
  </si>
  <si>
    <t>制服</t>
    <rPh sb="0" eb="2">
      <t>セイフク</t>
    </rPh>
    <phoneticPr fontId="4"/>
  </si>
  <si>
    <t>作業服</t>
    <rPh sb="0" eb="3">
      <t>サギョウフク</t>
    </rPh>
    <phoneticPr fontId="4"/>
  </si>
  <si>
    <t>白衣</t>
    <rPh sb="0" eb="2">
      <t>ハクイ</t>
    </rPh>
    <phoneticPr fontId="4"/>
  </si>
  <si>
    <t>雨具</t>
    <rPh sb="0" eb="2">
      <t>アマグ</t>
    </rPh>
    <phoneticPr fontId="4"/>
  </si>
  <si>
    <t>寝具</t>
    <rPh sb="0" eb="2">
      <t>シング</t>
    </rPh>
    <phoneticPr fontId="4"/>
  </si>
  <si>
    <t>その他衣料品</t>
    <rPh sb="2" eb="3">
      <t>タ</t>
    </rPh>
    <rPh sb="3" eb="6">
      <t>イリョウヒン</t>
    </rPh>
    <phoneticPr fontId="4"/>
  </si>
  <si>
    <t>靴</t>
    <rPh sb="0" eb="1">
      <t>クツ</t>
    </rPh>
    <phoneticPr fontId="4"/>
  </si>
  <si>
    <t>かばん</t>
    <phoneticPr fontId="4"/>
  </si>
  <si>
    <t>手芸用品</t>
    <rPh sb="0" eb="2">
      <t>シュゲイ</t>
    </rPh>
    <rPh sb="2" eb="4">
      <t>ヨウヒン</t>
    </rPh>
    <phoneticPr fontId="4"/>
  </si>
  <si>
    <t>作業保安用品</t>
    <rPh sb="0" eb="2">
      <t>サギョウ</t>
    </rPh>
    <rPh sb="2" eb="4">
      <t>ホアン</t>
    </rPh>
    <rPh sb="4" eb="6">
      <t>ヨウヒン</t>
    </rPh>
    <phoneticPr fontId="4"/>
  </si>
  <si>
    <t>防災用品</t>
    <rPh sb="0" eb="2">
      <t>ボウサイ</t>
    </rPh>
    <rPh sb="2" eb="4">
      <t>ヨウヒン</t>
    </rPh>
    <phoneticPr fontId="4"/>
  </si>
  <si>
    <t>家庭用金物</t>
    <rPh sb="0" eb="3">
      <t>カテイヨウ</t>
    </rPh>
    <rPh sb="3" eb="5">
      <t>カナモノ</t>
    </rPh>
    <phoneticPr fontId="4"/>
  </si>
  <si>
    <t>調理・厨房用品</t>
    <rPh sb="0" eb="2">
      <t>チョウリ</t>
    </rPh>
    <rPh sb="3" eb="5">
      <t>チュウボウ</t>
    </rPh>
    <rPh sb="5" eb="7">
      <t>ヨウヒン</t>
    </rPh>
    <phoneticPr fontId="4"/>
  </si>
  <si>
    <t>25</t>
  </si>
  <si>
    <t>ゴミ袋</t>
    <rPh sb="2" eb="3">
      <t>ブクロ</t>
    </rPh>
    <phoneticPr fontId="4"/>
  </si>
  <si>
    <t>26</t>
  </si>
  <si>
    <t>トイレットペーパー</t>
    <phoneticPr fontId="4"/>
  </si>
  <si>
    <t>27</t>
  </si>
  <si>
    <t>石けん・洗剤</t>
    <rPh sb="0" eb="1">
      <t>セッ</t>
    </rPh>
    <rPh sb="4" eb="6">
      <t>センザイ</t>
    </rPh>
    <phoneticPr fontId="4"/>
  </si>
  <si>
    <t>28</t>
  </si>
  <si>
    <t>清掃用具・用品</t>
    <rPh sb="0" eb="2">
      <t>セイソウ</t>
    </rPh>
    <rPh sb="2" eb="4">
      <t>ヨウグ</t>
    </rPh>
    <rPh sb="5" eb="7">
      <t>ヨウヒン</t>
    </rPh>
    <phoneticPr fontId="4"/>
  </si>
  <si>
    <t>29</t>
  </si>
  <si>
    <t>食器・花器</t>
    <rPh sb="0" eb="2">
      <t>ショッキ</t>
    </rPh>
    <rPh sb="3" eb="5">
      <t>カキ</t>
    </rPh>
    <phoneticPr fontId="4"/>
  </si>
  <si>
    <t>30</t>
  </si>
  <si>
    <t>その他雑貨</t>
    <rPh sb="2" eb="3">
      <t>タ</t>
    </rPh>
    <rPh sb="3" eb="5">
      <t>ザッカ</t>
    </rPh>
    <phoneticPr fontId="4"/>
  </si>
  <si>
    <t>31</t>
  </si>
  <si>
    <t>記章・記念品</t>
    <rPh sb="0" eb="2">
      <t>キショウ</t>
    </rPh>
    <rPh sb="3" eb="6">
      <t>キネンヒン</t>
    </rPh>
    <phoneticPr fontId="4"/>
  </si>
  <si>
    <t>32</t>
  </si>
  <si>
    <t>装飾品</t>
    <rPh sb="0" eb="3">
      <t>ソウショクヒン</t>
    </rPh>
    <phoneticPr fontId="4"/>
  </si>
  <si>
    <t>33</t>
  </si>
  <si>
    <t>金券</t>
    <rPh sb="0" eb="2">
      <t>キンケン</t>
    </rPh>
    <phoneticPr fontId="4"/>
  </si>
  <si>
    <t>A　レンタル・リース</t>
  </si>
  <si>
    <t>家具・室内装飾</t>
    <rPh sb="0" eb="2">
      <t>カグ</t>
    </rPh>
    <rPh sb="3" eb="5">
      <t>シツナイ</t>
    </rPh>
    <rPh sb="5" eb="7">
      <t>ソウショク</t>
    </rPh>
    <phoneticPr fontId="4"/>
  </si>
  <si>
    <t>電気通信機器</t>
    <rPh sb="0" eb="2">
      <t>デンキ</t>
    </rPh>
    <rPh sb="2" eb="4">
      <t>ツウシン</t>
    </rPh>
    <rPh sb="4" eb="6">
      <t>キキ</t>
    </rPh>
    <phoneticPr fontId="4"/>
  </si>
  <si>
    <t>医療機器</t>
    <rPh sb="0" eb="2">
      <t>イリョウ</t>
    </rPh>
    <rPh sb="2" eb="4">
      <t>キキ</t>
    </rPh>
    <phoneticPr fontId="4"/>
  </si>
  <si>
    <t>車両</t>
    <rPh sb="0" eb="2">
      <t>シャリョウ</t>
    </rPh>
    <phoneticPr fontId="4"/>
  </si>
  <si>
    <t>建材・資材</t>
    <rPh sb="0" eb="2">
      <t>ケンザイ</t>
    </rPh>
    <rPh sb="3" eb="5">
      <t>シザイ</t>
    </rPh>
    <phoneticPr fontId="4"/>
  </si>
  <si>
    <t>衣類・寝具</t>
    <rPh sb="0" eb="2">
      <t>イルイ</t>
    </rPh>
    <rPh sb="3" eb="5">
      <t>シング</t>
    </rPh>
    <phoneticPr fontId="4"/>
  </si>
  <si>
    <t>一般衣類・寝具</t>
    <rPh sb="0" eb="2">
      <t>イッパン</t>
    </rPh>
    <rPh sb="2" eb="4">
      <t>イルイ</t>
    </rPh>
    <rPh sb="5" eb="7">
      <t>シング</t>
    </rPh>
    <phoneticPr fontId="4"/>
  </si>
  <si>
    <t>医療関連衣類・寝具</t>
    <rPh sb="0" eb="2">
      <t>イリョウ</t>
    </rPh>
    <rPh sb="2" eb="4">
      <t>カンレン</t>
    </rPh>
    <rPh sb="4" eb="6">
      <t>イルイ</t>
    </rPh>
    <rPh sb="7" eb="9">
      <t>シング</t>
    </rPh>
    <phoneticPr fontId="4"/>
  </si>
  <si>
    <t>金属屑</t>
    <rPh sb="0" eb="2">
      <t>キンゾク</t>
    </rPh>
    <rPh sb="2" eb="3">
      <t>クズ</t>
    </rPh>
    <phoneticPr fontId="4"/>
  </si>
  <si>
    <t>紙・繊維</t>
    <rPh sb="0" eb="1">
      <t>カミ</t>
    </rPh>
    <rPh sb="2" eb="4">
      <t>センイ</t>
    </rPh>
    <phoneticPr fontId="4"/>
  </si>
  <si>
    <t>機械</t>
    <rPh sb="0" eb="2">
      <t>キカイ</t>
    </rPh>
    <phoneticPr fontId="4"/>
  </si>
  <si>
    <t>広島県入札参加資格業者番号</t>
    <rPh sb="0" eb="3">
      <t>ヒロシマケン</t>
    </rPh>
    <rPh sb="3" eb="5">
      <t>ニュウサツ</t>
    </rPh>
    <rPh sb="5" eb="7">
      <t>サンカ</t>
    </rPh>
    <rPh sb="7" eb="9">
      <t>シカク</t>
    </rPh>
    <rPh sb="9" eb="11">
      <t>ギョウシャ</t>
    </rPh>
    <rPh sb="11" eb="13">
      <t>バンゴウ</t>
    </rPh>
    <phoneticPr fontId="4"/>
  </si>
  <si>
    <t>中分類</t>
    <rPh sb="0" eb="3">
      <t>チュウブンルイ</t>
    </rPh>
    <phoneticPr fontId="4"/>
  </si>
  <si>
    <t>小分類</t>
    <rPh sb="0" eb="3">
      <t>ショウブンルイ</t>
    </rPh>
    <phoneticPr fontId="4"/>
  </si>
  <si>
    <t>物品
役務</t>
    <rPh sb="0" eb="2">
      <t>ブッピン</t>
    </rPh>
    <rPh sb="3" eb="5">
      <t>エキム</t>
    </rPh>
    <phoneticPr fontId="4"/>
  </si>
  <si>
    <t>自らが製作する物品か</t>
    <rPh sb="0" eb="1">
      <t>ミズカ</t>
    </rPh>
    <rPh sb="3" eb="5">
      <t>セイサク</t>
    </rPh>
    <rPh sb="7" eb="9">
      <t>ブッピン</t>
    </rPh>
    <phoneticPr fontId="4"/>
  </si>
  <si>
    <t>自らが提供する役務か</t>
    <rPh sb="0" eb="1">
      <t>ミズカ</t>
    </rPh>
    <rPh sb="3" eb="5">
      <t>テイキョウ</t>
    </rPh>
    <rPh sb="7" eb="9">
      <t>エキム</t>
    </rPh>
    <phoneticPr fontId="4"/>
  </si>
  <si>
    <t>公益社団法人広島県就労振興センター</t>
  </si>
  <si>
    <t>730-0051</t>
  </si>
  <si>
    <t>広島市中区大手町一丁目4番16号</t>
  </si>
  <si>
    <t>就労継続支援B型事業所</t>
    <rPh sb="0" eb="2">
      <t>シュウロウ</t>
    </rPh>
    <rPh sb="2" eb="4">
      <t>ケイゾク</t>
    </rPh>
    <rPh sb="4" eb="6">
      <t>シエン</t>
    </rPh>
    <rPh sb="7" eb="8">
      <t>ガタ</t>
    </rPh>
    <rPh sb="8" eb="10">
      <t>ジギョウ</t>
    </rPh>
    <rPh sb="10" eb="11">
      <t>ショ</t>
    </rPh>
    <phoneticPr fontId="4"/>
  </si>
  <si>
    <t>082-240-9400</t>
  </si>
  <si>
    <t>082-240-9406</t>
  </si>
  <si>
    <t>hwpc@axel.ocn.ne.jp</t>
  </si>
  <si>
    <t>http://sumasuta.jp/</t>
  </si>
  <si>
    <t>00100696</t>
  </si>
  <si>
    <t>文具・事務機器</t>
    <rPh sb="0" eb="2">
      <t>ブング</t>
    </rPh>
    <rPh sb="3" eb="5">
      <t>ジム</t>
    </rPh>
    <rPh sb="5" eb="7">
      <t>キキ</t>
    </rPh>
    <phoneticPr fontId="4"/>
  </si>
  <si>
    <t>千羽鶴再生紙ノート各種（A5／A6／A7）</t>
    <phoneticPr fontId="4"/>
  </si>
  <si>
    <t>主に広島市内</t>
  </si>
  <si>
    <t>在庫の範囲内</t>
  </si>
  <si>
    <t>150～300円</t>
    <phoneticPr fontId="4"/>
  </si>
  <si>
    <t>1W～</t>
  </si>
  <si>
    <t>平和公園の千羽鶴を再生紙にしたものを使った商品
オリジナルデザイン可（デザイン料別途）
全国発送可（要送料）</t>
  </si>
  <si>
    <t>その他物品</t>
  </si>
  <si>
    <t>千羽鶴再生紙使用缶バッチ，マグネット</t>
    <rPh sb="0" eb="2">
      <t>センバ</t>
    </rPh>
    <rPh sb="2" eb="3">
      <t>ヅル</t>
    </rPh>
    <rPh sb="3" eb="6">
      <t>サイセイシ</t>
    </rPh>
    <rPh sb="6" eb="8">
      <t>シヨウ</t>
    </rPh>
    <rPh sb="8" eb="9">
      <t>カン</t>
    </rPh>
    <phoneticPr fontId="4"/>
  </si>
  <si>
    <t>200円～</t>
    <rPh sb="3" eb="4">
      <t>エン</t>
    </rPh>
    <phoneticPr fontId="4"/>
  </si>
  <si>
    <t>印刷</t>
  </si>
  <si>
    <t>千羽鶴再生紙使用名刺台紙販売</t>
    <rPh sb="0" eb="2">
      <t>センバ</t>
    </rPh>
    <rPh sb="2" eb="3">
      <t>ヅル</t>
    </rPh>
    <rPh sb="3" eb="6">
      <t>サイセイシ</t>
    </rPh>
    <rPh sb="6" eb="8">
      <t>シヨウ</t>
    </rPh>
    <rPh sb="8" eb="10">
      <t>メイシ</t>
    </rPh>
    <rPh sb="10" eb="12">
      <t>ダイシ</t>
    </rPh>
    <rPh sb="12" eb="14">
      <t>ハンバイ</t>
    </rPh>
    <phoneticPr fontId="4"/>
  </si>
  <si>
    <t>1セット10枚～</t>
    <rPh sb="6" eb="7">
      <t>マイ</t>
    </rPh>
    <phoneticPr fontId="4"/>
  </si>
  <si>
    <t>名刺台紙：1000円～</t>
  </si>
  <si>
    <t>千羽鶴再生紙を使用したA4サイズの名刺用紙10面付け(マイクロミシン仕上)
全国発送可（要送料）</t>
    <rPh sb="38" eb="40">
      <t>ゼンコク</t>
    </rPh>
    <rPh sb="40" eb="42">
      <t>ハッソウ</t>
    </rPh>
    <rPh sb="42" eb="43">
      <t>カ</t>
    </rPh>
    <rPh sb="44" eb="45">
      <t>ヨウ</t>
    </rPh>
    <rPh sb="45" eb="47">
      <t>ソウリョウ</t>
    </rPh>
    <phoneticPr fontId="4"/>
  </si>
  <si>
    <t>平和公園千羽鶴再生紙使用名刺（千羽鶴マーク入り）</t>
  </si>
  <si>
    <t>1セット100枚～</t>
  </si>
  <si>
    <t>名刺製作：2000円～</t>
  </si>
  <si>
    <t>一週間</t>
  </si>
  <si>
    <t>平和公園の千羽鶴を再生紙にしたものを使った商品
オリジナルデザイン可（デザイン料別途）
カラー印刷，モノクロ印刷，両面印刷可
全国発送可（要送料）</t>
  </si>
  <si>
    <t>千羽鶴再生紙グッズ（はがき，しおり，折り紙　等）</t>
    <rPh sb="0" eb="2">
      <t>センバ</t>
    </rPh>
    <rPh sb="2" eb="3">
      <t>ヅル</t>
    </rPh>
    <rPh sb="3" eb="6">
      <t>サイセイシ</t>
    </rPh>
    <rPh sb="18" eb="19">
      <t>オ</t>
    </rPh>
    <rPh sb="20" eb="21">
      <t>ガミ</t>
    </rPh>
    <rPh sb="22" eb="23">
      <t>トウ</t>
    </rPh>
    <phoneticPr fontId="4"/>
  </si>
  <si>
    <t>150円～</t>
  </si>
  <si>
    <t>平和公園の千羽鶴を再生紙にしたものを使った商品
全国発送可（要送料）</t>
  </si>
  <si>
    <t>ー</t>
    <phoneticPr fontId="4"/>
  </si>
  <si>
    <t>732-0816</t>
  </si>
  <si>
    <t>広島市南区比治山本町12-2</t>
    <rPh sb="3" eb="5">
      <t>ミナミク</t>
    </rPh>
    <rPh sb="5" eb="8">
      <t>ヒジヤマ</t>
    </rPh>
    <rPh sb="8" eb="10">
      <t>ホンマチ</t>
    </rPh>
    <phoneticPr fontId="1"/>
  </si>
  <si>
    <t>共同受注窓口</t>
    <rPh sb="0" eb="2">
      <t>キョウドウ</t>
    </rPh>
    <rPh sb="2" eb="4">
      <t>ジュチュウ</t>
    </rPh>
    <rPh sb="4" eb="6">
      <t>マドグチ</t>
    </rPh>
    <phoneticPr fontId="4"/>
  </si>
  <si>
    <t>082-252-3100</t>
  </si>
  <si>
    <t>082-252-3155</t>
  </si>
  <si>
    <t>http://www.hwpc.jp/case/</t>
  </si>
  <si>
    <t>はがき
手すき和紙や押し花などを使用した製品</t>
    <rPh sb="4" eb="5">
      <t>テ</t>
    </rPh>
    <rPh sb="7" eb="9">
      <t>ワシ</t>
    </rPh>
    <rPh sb="10" eb="11">
      <t>オ</t>
    </rPh>
    <rPh sb="12" eb="13">
      <t>バナ</t>
    </rPh>
    <rPh sb="16" eb="18">
      <t>シヨウ</t>
    </rPh>
    <rPh sb="20" eb="22">
      <t>セイヒン</t>
    </rPh>
    <phoneticPr fontId="1"/>
  </si>
  <si>
    <t>全国</t>
    <rPh sb="0" eb="2">
      <t>ゼンコク</t>
    </rPh>
    <phoneticPr fontId="1"/>
  </si>
  <si>
    <t>要相談</t>
    <rPh sb="0" eb="1">
      <t>ヨウ</t>
    </rPh>
    <rPh sb="1" eb="3">
      <t>ソウダン</t>
    </rPh>
    <phoneticPr fontId="1"/>
  </si>
  <si>
    <t>手漉き和紙
はがき，紙バッグ，メッセージカードなど</t>
    <rPh sb="0" eb="2">
      <t>テス</t>
    </rPh>
    <rPh sb="3" eb="5">
      <t>ワシ</t>
    </rPh>
    <rPh sb="10" eb="11">
      <t>カミ</t>
    </rPh>
    <phoneticPr fontId="1"/>
  </si>
  <si>
    <t>シール
ステンシルや押し花を使用したシール</t>
    <rPh sb="10" eb="11">
      <t>オ</t>
    </rPh>
    <rPh sb="12" eb="13">
      <t>バナ</t>
    </rPh>
    <rPh sb="14" eb="16">
      <t>シヨウ</t>
    </rPh>
    <phoneticPr fontId="1"/>
  </si>
  <si>
    <t>えんぴつ
千羽鶴再生紙を使用した手づくりえんぴつ</t>
    <rPh sb="13" eb="14">
      <t>ヨウ</t>
    </rPh>
    <phoneticPr fontId="1"/>
  </si>
  <si>
    <t>しおり
木やさをり織を使用したしおり</t>
    <rPh sb="4" eb="5">
      <t>キ</t>
    </rPh>
    <rPh sb="9" eb="10">
      <t>オリ</t>
    </rPh>
    <rPh sb="11" eb="12">
      <t>ツカ</t>
    </rPh>
    <rPh sb="12" eb="13">
      <t>ヨウ</t>
    </rPh>
    <phoneticPr fontId="1"/>
  </si>
  <si>
    <t>千羽鶴再生紙を使用したノート各種
・A5
・A6
・A7</t>
    <rPh sb="8" eb="9">
      <t>ヨウ</t>
    </rPh>
    <rPh sb="14" eb="16">
      <t>カクシュ</t>
    </rPh>
    <phoneticPr fontId="1"/>
  </si>
  <si>
    <t>ファイル</t>
  </si>
  <si>
    <t>文具
メモ帳</t>
    <rPh sb="0" eb="2">
      <t>ブング</t>
    </rPh>
    <rPh sb="5" eb="6">
      <t>チョウ</t>
    </rPh>
    <phoneticPr fontId="1"/>
  </si>
  <si>
    <t>ボールペン
千羽鶴再生紙を使用したボールペン</t>
    <rPh sb="6" eb="8">
      <t>センバ</t>
    </rPh>
    <rPh sb="8" eb="9">
      <t>ヅル</t>
    </rPh>
    <rPh sb="9" eb="12">
      <t>サイセイシ</t>
    </rPh>
    <rPh sb="13" eb="14">
      <t>ツカ</t>
    </rPh>
    <rPh sb="14" eb="15">
      <t>ヨウ</t>
    </rPh>
    <phoneticPr fontId="1"/>
  </si>
  <si>
    <t>マグネット
押し花や木を使用した製品</t>
    <rPh sb="6" eb="7">
      <t>オ</t>
    </rPh>
    <rPh sb="8" eb="9">
      <t>バナ</t>
    </rPh>
    <rPh sb="10" eb="11">
      <t>キ</t>
    </rPh>
    <rPh sb="12" eb="14">
      <t>シヨウ</t>
    </rPh>
    <rPh sb="16" eb="18">
      <t>セイヒン</t>
    </rPh>
    <phoneticPr fontId="1"/>
  </si>
  <si>
    <t>メモクリップ</t>
  </si>
  <si>
    <t>クリアファイル</t>
  </si>
  <si>
    <t>ゴム印、回転印、印鑑</t>
    <rPh sb="2" eb="3">
      <t>イン</t>
    </rPh>
    <rPh sb="4" eb="7">
      <t>カイテンイン</t>
    </rPh>
    <rPh sb="8" eb="10">
      <t>インカン</t>
    </rPh>
    <phoneticPr fontId="4"/>
  </si>
  <si>
    <t>主に広島市内</t>
    <phoneticPr fontId="4"/>
  </si>
  <si>
    <t>ポチ袋
ステンシルや手すき和紙などを使用した製品</t>
    <rPh sb="2" eb="3">
      <t>フクロ</t>
    </rPh>
    <rPh sb="10" eb="11">
      <t>テ</t>
    </rPh>
    <rPh sb="13" eb="15">
      <t>ワシ</t>
    </rPh>
    <rPh sb="18" eb="20">
      <t>シヨウ</t>
    </rPh>
    <rPh sb="22" eb="24">
      <t>セイヒン</t>
    </rPh>
    <phoneticPr fontId="1"/>
  </si>
  <si>
    <t>チラシ等
ポスター印刷</t>
    <rPh sb="3" eb="4">
      <t>トウ</t>
    </rPh>
    <rPh sb="9" eb="11">
      <t>インサツ</t>
    </rPh>
    <phoneticPr fontId="1"/>
  </si>
  <si>
    <t>名刺
千羽鶴再生紙を使った名刺</t>
    <rPh sb="0" eb="2">
      <t>メイシ</t>
    </rPh>
    <rPh sb="3" eb="5">
      <t>センバ</t>
    </rPh>
    <rPh sb="5" eb="6">
      <t>ヅル</t>
    </rPh>
    <rPh sb="6" eb="9">
      <t>サイセイシ</t>
    </rPh>
    <rPh sb="10" eb="11">
      <t>ツカ</t>
    </rPh>
    <rPh sb="13" eb="15">
      <t>メイシ</t>
    </rPh>
    <phoneticPr fontId="1"/>
  </si>
  <si>
    <t>名刺</t>
    <rPh sb="0" eb="2">
      <t>メイシ</t>
    </rPh>
    <phoneticPr fontId="1"/>
  </si>
  <si>
    <t>封筒</t>
    <rPh sb="0" eb="2">
      <t>フウトウ</t>
    </rPh>
    <phoneticPr fontId="1"/>
  </si>
  <si>
    <t>ステッカー印刷</t>
    <rPh sb="5" eb="7">
      <t>インサツ</t>
    </rPh>
    <phoneticPr fontId="1"/>
  </si>
  <si>
    <t>冊子印刷</t>
    <rPh sb="0" eb="2">
      <t>サッシ</t>
    </rPh>
    <rPh sb="2" eb="4">
      <t>インサツ</t>
    </rPh>
    <phoneticPr fontId="1"/>
  </si>
  <si>
    <t>花苗
切り花，鉢付</t>
    <rPh sb="0" eb="1">
      <t>ハナ</t>
    </rPh>
    <rPh sb="1" eb="2">
      <t>ナエ</t>
    </rPh>
    <rPh sb="3" eb="4">
      <t>キ</t>
    </rPh>
    <rPh sb="5" eb="6">
      <t>バナ</t>
    </rPh>
    <rPh sb="7" eb="8">
      <t>ハチ</t>
    </rPh>
    <rPh sb="8" eb="9">
      <t>ツキ</t>
    </rPh>
    <phoneticPr fontId="1"/>
  </si>
  <si>
    <t>季節によって咲く花が変わってきます。お気軽にお問合せください。</t>
    <rPh sb="0" eb="2">
      <t>キセツ</t>
    </rPh>
    <rPh sb="6" eb="7">
      <t>サ</t>
    </rPh>
    <rPh sb="8" eb="9">
      <t>ハナ</t>
    </rPh>
    <rPh sb="10" eb="11">
      <t>カ</t>
    </rPh>
    <rPh sb="19" eb="21">
      <t>キガル</t>
    </rPh>
    <rPh sb="23" eb="25">
      <t>トイアワ</t>
    </rPh>
    <phoneticPr fontId="1"/>
  </si>
  <si>
    <t>土壌改良材
発酵籾殻や野菜肥料など</t>
    <rPh sb="6" eb="8">
      <t>ハッコウ</t>
    </rPh>
    <rPh sb="8" eb="10">
      <t>モミガラ</t>
    </rPh>
    <phoneticPr fontId="1"/>
  </si>
  <si>
    <t>食料品</t>
  </si>
  <si>
    <t>梅干し</t>
    <rPh sb="0" eb="2">
      <t>ウメボ</t>
    </rPh>
    <phoneticPr fontId="1"/>
  </si>
  <si>
    <t>お米</t>
    <rPh sb="1" eb="2">
      <t>コメ</t>
    </rPh>
    <phoneticPr fontId="1"/>
  </si>
  <si>
    <t>切干大根</t>
    <rPh sb="0" eb="2">
      <t>キリボシ</t>
    </rPh>
    <rPh sb="2" eb="4">
      <t>ダイコン</t>
    </rPh>
    <phoneticPr fontId="1"/>
  </si>
  <si>
    <t>納豆</t>
    <rPh sb="0" eb="2">
      <t>ナットウ</t>
    </rPh>
    <phoneticPr fontId="1"/>
  </si>
  <si>
    <t>味噌</t>
    <rPh sb="0" eb="2">
      <t>ミソ</t>
    </rPh>
    <phoneticPr fontId="1"/>
  </si>
  <si>
    <t>コロッケ</t>
  </si>
  <si>
    <t>飲料
健康茶</t>
    <rPh sb="0" eb="2">
      <t>インリョウ</t>
    </rPh>
    <rPh sb="3" eb="5">
      <t>ケンコウ</t>
    </rPh>
    <rPh sb="5" eb="6">
      <t>チャ</t>
    </rPh>
    <phoneticPr fontId="1"/>
  </si>
  <si>
    <t>飲料
ルイボスティ</t>
    <rPh sb="0" eb="2">
      <t>インリョウ</t>
    </rPh>
    <phoneticPr fontId="1"/>
  </si>
  <si>
    <t>調味料
塩</t>
    <rPh sb="0" eb="3">
      <t>チョウミリョウ</t>
    </rPh>
    <rPh sb="4" eb="5">
      <t>シオ</t>
    </rPh>
    <phoneticPr fontId="1"/>
  </si>
  <si>
    <t>調味料
スティックシュガー</t>
    <rPh sb="0" eb="3">
      <t>チョウミリョウ</t>
    </rPh>
    <phoneticPr fontId="1"/>
  </si>
  <si>
    <t>調味料
ブルーベリーソースなど</t>
    <rPh sb="0" eb="3">
      <t>チョウミリョウ</t>
    </rPh>
    <phoneticPr fontId="1"/>
  </si>
  <si>
    <t>調味料
焼き肉のたれ</t>
    <rPh sb="0" eb="3">
      <t>チョウミリョウ</t>
    </rPh>
    <rPh sb="4" eb="5">
      <t>ヤ</t>
    </rPh>
    <rPh sb="6" eb="7">
      <t>ニク</t>
    </rPh>
    <phoneticPr fontId="1"/>
  </si>
  <si>
    <t>ケーキ</t>
  </si>
  <si>
    <t>ラスク</t>
  </si>
  <si>
    <t>かりんとう</t>
  </si>
  <si>
    <t>クッキー</t>
  </si>
  <si>
    <t>せんべい</t>
  </si>
  <si>
    <t>チョコ</t>
  </si>
  <si>
    <t>あられ</t>
  </si>
  <si>
    <t>プリン</t>
  </si>
  <si>
    <t>アイスクリーム</t>
  </si>
  <si>
    <t>ブルーべりージャム，いちごなど</t>
  </si>
  <si>
    <t>食パン</t>
    <rPh sb="0" eb="1">
      <t>ショク</t>
    </rPh>
    <phoneticPr fontId="1"/>
  </si>
  <si>
    <t>惣菜パン</t>
    <rPh sb="0" eb="2">
      <t>ソウザイ</t>
    </rPh>
    <phoneticPr fontId="1"/>
  </si>
  <si>
    <t>菓子パン</t>
  </si>
  <si>
    <t>乾燥野菜</t>
    <rPh sb="0" eb="2">
      <t>カンソウ</t>
    </rPh>
    <rPh sb="2" eb="4">
      <t>ヤサイ</t>
    </rPh>
    <phoneticPr fontId="1"/>
  </si>
  <si>
    <t>野菜
キャベツ，小松菜，ほうれん草，トマト，じゃがいも，玉ねぎなど</t>
    <rPh sb="0" eb="2">
      <t>ヤサイ</t>
    </rPh>
    <rPh sb="8" eb="11">
      <t>コマツナ</t>
    </rPh>
    <rPh sb="16" eb="17">
      <t>ソウ</t>
    </rPh>
    <rPh sb="28" eb="29">
      <t>タマ</t>
    </rPh>
    <phoneticPr fontId="1"/>
  </si>
  <si>
    <t>露地物から水耕栽培までしています。
季節によって採れる野菜が変わってきます。お気軽にお問合せください。</t>
    <rPh sb="0" eb="2">
      <t>ロジ</t>
    </rPh>
    <rPh sb="2" eb="3">
      <t>モノ</t>
    </rPh>
    <rPh sb="5" eb="7">
      <t>スイコウ</t>
    </rPh>
    <rPh sb="7" eb="9">
      <t>サイバイ</t>
    </rPh>
    <rPh sb="18" eb="20">
      <t>キセツ</t>
    </rPh>
    <rPh sb="24" eb="25">
      <t>ト</t>
    </rPh>
    <rPh sb="27" eb="29">
      <t>ヤサイ</t>
    </rPh>
    <rPh sb="30" eb="31">
      <t>カ</t>
    </rPh>
    <rPh sb="39" eb="41">
      <t>キガル</t>
    </rPh>
    <rPh sb="43" eb="45">
      <t>トイアワ</t>
    </rPh>
    <phoneticPr fontId="1"/>
  </si>
  <si>
    <t>柑橘，ブルーベリーなど</t>
    <rPh sb="0" eb="2">
      <t>カンキツ</t>
    </rPh>
    <phoneticPr fontId="1"/>
  </si>
  <si>
    <t>柑橘やブルーベリーなど新鮮な果物を多数用意しております。
季節によって採れる果物が変わってきます。お気軽にお問合せください。</t>
    <rPh sb="0" eb="2">
      <t>カンキツ</t>
    </rPh>
    <rPh sb="11" eb="13">
      <t>シンセン</t>
    </rPh>
    <rPh sb="14" eb="16">
      <t>クダモノ</t>
    </rPh>
    <rPh sb="17" eb="19">
      <t>タスウ</t>
    </rPh>
    <rPh sb="19" eb="21">
      <t>ヨウイ</t>
    </rPh>
    <rPh sb="29" eb="31">
      <t>キセツ</t>
    </rPh>
    <rPh sb="35" eb="36">
      <t>ト</t>
    </rPh>
    <rPh sb="38" eb="40">
      <t>クダモノ</t>
    </rPh>
    <rPh sb="41" eb="42">
      <t>カ</t>
    </rPh>
    <rPh sb="50" eb="52">
      <t>キガル</t>
    </rPh>
    <rPh sb="54" eb="56">
      <t>トイアワ</t>
    </rPh>
    <phoneticPr fontId="1"/>
  </si>
  <si>
    <t>弁当
弁当製造，宅配など</t>
    <rPh sb="0" eb="2">
      <t>ベントウ</t>
    </rPh>
    <rPh sb="3" eb="5">
      <t>ベントウ</t>
    </rPh>
    <rPh sb="5" eb="7">
      <t>セイゾウ</t>
    </rPh>
    <rPh sb="8" eb="10">
      <t>タクハイ</t>
    </rPh>
    <phoneticPr fontId="1"/>
  </si>
  <si>
    <t>車両・船舶・航空機</t>
  </si>
  <si>
    <t>車両（車両整備を除く。）</t>
    <rPh sb="3" eb="5">
      <t>シャリョウ</t>
    </rPh>
    <rPh sb="5" eb="7">
      <t>セイビ</t>
    </rPh>
    <rPh sb="8" eb="9">
      <t>ノゾ</t>
    </rPh>
    <phoneticPr fontId="4"/>
  </si>
  <si>
    <t>タイヤ、車輌部品</t>
    <rPh sb="4" eb="6">
      <t>シャリョウ</t>
    </rPh>
    <rPh sb="6" eb="8">
      <t>ブヒン</t>
    </rPh>
    <phoneticPr fontId="4"/>
  </si>
  <si>
    <t>三次・庄原市</t>
    <rPh sb="0" eb="2">
      <t>ミヨシ</t>
    </rPh>
    <rPh sb="3" eb="6">
      <t>ショウバラシ</t>
    </rPh>
    <phoneticPr fontId="4"/>
  </si>
  <si>
    <t>　</t>
    <phoneticPr fontId="4"/>
  </si>
  <si>
    <t>自動車整備</t>
    <rPh sb="0" eb="3">
      <t>ジドウシャ</t>
    </rPh>
    <rPh sb="3" eb="5">
      <t>セイビ</t>
    </rPh>
    <phoneticPr fontId="4"/>
  </si>
  <si>
    <t>教育・文化用品</t>
  </si>
  <si>
    <t>木工製品
知育玩具やパズルなど</t>
    <rPh sb="0" eb="2">
      <t>モッコウ</t>
    </rPh>
    <rPh sb="2" eb="4">
      <t>セイヒン</t>
    </rPh>
    <rPh sb="5" eb="7">
      <t>チイク</t>
    </rPh>
    <rPh sb="7" eb="9">
      <t>ガング</t>
    </rPh>
    <phoneticPr fontId="1"/>
  </si>
  <si>
    <t>玩具
木工，フェルト，布などを使用した製品</t>
    <rPh sb="3" eb="5">
      <t>モッコウ</t>
    </rPh>
    <rPh sb="11" eb="12">
      <t>ヌノ</t>
    </rPh>
    <rPh sb="15" eb="17">
      <t>シヨウ</t>
    </rPh>
    <rPh sb="19" eb="21">
      <t>セイヒン</t>
    </rPh>
    <phoneticPr fontId="1"/>
  </si>
  <si>
    <t>衣類・生活用品</t>
  </si>
  <si>
    <t>生活用品</t>
    <rPh sb="0" eb="2">
      <t>セイカツ</t>
    </rPh>
    <rPh sb="2" eb="4">
      <t>ヨウヒン</t>
    </rPh>
    <phoneticPr fontId="4"/>
  </si>
  <si>
    <t>座布団
靴下わっかを使用した座布団</t>
    <rPh sb="0" eb="3">
      <t>ザブトン</t>
    </rPh>
    <rPh sb="4" eb="6">
      <t>クツシタ</t>
    </rPh>
    <rPh sb="10" eb="12">
      <t>シヨウ</t>
    </rPh>
    <rPh sb="14" eb="17">
      <t>ザブトン</t>
    </rPh>
    <phoneticPr fontId="1"/>
  </si>
  <si>
    <t>草木染の手袋，ストール，ハンカチなど</t>
    <rPh sb="0" eb="2">
      <t>クサキ</t>
    </rPh>
    <rPh sb="2" eb="3">
      <t>ゾメ</t>
    </rPh>
    <rPh sb="4" eb="6">
      <t>テブクロ</t>
    </rPh>
    <phoneticPr fontId="1"/>
  </si>
  <si>
    <t>ポーチ、手提げバッグ</t>
    <rPh sb="4" eb="6">
      <t>テサ</t>
    </rPh>
    <phoneticPr fontId="4"/>
  </si>
  <si>
    <t>固形石鹸，液体台所石鹸ボトル，液体台所石鹸詰替え用，液体洗濯石鹸，液体洗濯石鹸詰替え用</t>
    <rPh sb="0" eb="2">
      <t>コケイ</t>
    </rPh>
    <rPh sb="2" eb="4">
      <t>セッケン</t>
    </rPh>
    <rPh sb="5" eb="7">
      <t>エキタイ</t>
    </rPh>
    <rPh sb="7" eb="9">
      <t>ダイドコロ</t>
    </rPh>
    <rPh sb="9" eb="11">
      <t>セッケン</t>
    </rPh>
    <rPh sb="15" eb="17">
      <t>エキタイ</t>
    </rPh>
    <rPh sb="17" eb="19">
      <t>ダイドコロ</t>
    </rPh>
    <rPh sb="19" eb="21">
      <t>セッケン</t>
    </rPh>
    <rPh sb="21" eb="23">
      <t>ツメカ</t>
    </rPh>
    <rPh sb="24" eb="25">
      <t>ヨウ</t>
    </rPh>
    <rPh sb="26" eb="28">
      <t>エキタイ</t>
    </rPh>
    <rPh sb="28" eb="30">
      <t>センタク</t>
    </rPh>
    <rPh sb="30" eb="32">
      <t>セッケン</t>
    </rPh>
    <rPh sb="33" eb="35">
      <t>エキタイ</t>
    </rPh>
    <rPh sb="35" eb="37">
      <t>センタク</t>
    </rPh>
    <rPh sb="37" eb="39">
      <t>セッケン</t>
    </rPh>
    <rPh sb="39" eb="41">
      <t>ツメカ</t>
    </rPh>
    <rPh sb="42" eb="43">
      <t>ヨウ</t>
    </rPh>
    <phoneticPr fontId="1"/>
  </si>
  <si>
    <t>石鹸入れ</t>
    <rPh sb="0" eb="2">
      <t>セッケン</t>
    </rPh>
    <rPh sb="2" eb="3">
      <t>イ</t>
    </rPh>
    <phoneticPr fontId="1"/>
  </si>
  <si>
    <t>アクリルたわしやチュールたわしなど</t>
  </si>
  <si>
    <t>食器用ふきん</t>
    <rPh sb="0" eb="2">
      <t>ショッキ</t>
    </rPh>
    <rPh sb="2" eb="3">
      <t>ヨウ</t>
    </rPh>
    <phoneticPr fontId="1"/>
  </si>
  <si>
    <t>台ふきん</t>
    <rPh sb="0" eb="1">
      <t>ダイ</t>
    </rPh>
    <phoneticPr fontId="1"/>
  </si>
  <si>
    <t>エコウエス</t>
  </si>
  <si>
    <t>食器類
コップ・湯呑・皿</t>
  </si>
  <si>
    <t>陶器や木を使用した箸置き</t>
    <rPh sb="0" eb="2">
      <t>トウキ</t>
    </rPh>
    <rPh sb="3" eb="4">
      <t>キ</t>
    </rPh>
    <rPh sb="5" eb="7">
      <t>シヨウ</t>
    </rPh>
    <rPh sb="9" eb="11">
      <t>ハシオ</t>
    </rPh>
    <phoneticPr fontId="1"/>
  </si>
  <si>
    <t>食器類
はし</t>
  </si>
  <si>
    <t>陶器や花瓶の花器</t>
    <rPh sb="0" eb="2">
      <t>トウキ</t>
    </rPh>
    <rPh sb="3" eb="5">
      <t>カビン</t>
    </rPh>
    <rPh sb="6" eb="8">
      <t>カキ</t>
    </rPh>
    <phoneticPr fontId="1"/>
  </si>
  <si>
    <t>メモ用紙
千羽鶴再生紙や色紙を使用した製品</t>
    <rPh sb="2" eb="4">
      <t>ヨウシ</t>
    </rPh>
    <rPh sb="5" eb="7">
      <t>センバ</t>
    </rPh>
    <rPh sb="7" eb="8">
      <t>ヅル</t>
    </rPh>
    <rPh sb="8" eb="11">
      <t>サイセイシ</t>
    </rPh>
    <rPh sb="12" eb="14">
      <t>イロガミ</t>
    </rPh>
    <rPh sb="15" eb="17">
      <t>シヨウ</t>
    </rPh>
    <rPh sb="19" eb="21">
      <t>セイヒン</t>
    </rPh>
    <phoneticPr fontId="1"/>
  </si>
  <si>
    <t>インテリア雑貨
正月用しめ縄飾りや五月飾りなどの雑貨</t>
    <rPh sb="5" eb="7">
      <t>ザッカ</t>
    </rPh>
    <rPh sb="8" eb="11">
      <t>ショウガツヨウ</t>
    </rPh>
    <rPh sb="13" eb="14">
      <t>ナワ</t>
    </rPh>
    <rPh sb="14" eb="15">
      <t>カザ</t>
    </rPh>
    <rPh sb="17" eb="19">
      <t>ゴガツ</t>
    </rPh>
    <rPh sb="19" eb="20">
      <t>カザ</t>
    </rPh>
    <rPh sb="24" eb="26">
      <t>ザッカ</t>
    </rPh>
    <phoneticPr fontId="1"/>
  </si>
  <si>
    <t>押し花製品
押し花ハガキ・封筒・栞・祝い袋など</t>
    <rPh sb="0" eb="1">
      <t>オ</t>
    </rPh>
    <rPh sb="2" eb="3">
      <t>バナ</t>
    </rPh>
    <rPh sb="3" eb="5">
      <t>セイヒン</t>
    </rPh>
    <rPh sb="6" eb="7">
      <t>オ</t>
    </rPh>
    <rPh sb="8" eb="9">
      <t>バナ</t>
    </rPh>
    <rPh sb="13" eb="15">
      <t>フウトウ</t>
    </rPh>
    <rPh sb="16" eb="17">
      <t>シオリ</t>
    </rPh>
    <rPh sb="18" eb="19">
      <t>イワ</t>
    </rPh>
    <rPh sb="20" eb="21">
      <t>ブクロ</t>
    </rPh>
    <phoneticPr fontId="1"/>
  </si>
  <si>
    <t>革製品
ケース，メガネケース，栞など</t>
    <rPh sb="15" eb="16">
      <t>シオリ</t>
    </rPh>
    <phoneticPr fontId="1"/>
  </si>
  <si>
    <t>ストラップ
ビーズやさをり織などを使用した製品</t>
    <rPh sb="13" eb="14">
      <t>オリ</t>
    </rPh>
    <rPh sb="17" eb="19">
      <t>シヨウ</t>
    </rPh>
    <rPh sb="21" eb="23">
      <t>セイヒン</t>
    </rPh>
    <phoneticPr fontId="1"/>
  </si>
  <si>
    <t>手作りかご
麻ひもやかずらなどを使用した製品</t>
    <rPh sb="6" eb="7">
      <t>アサ</t>
    </rPh>
    <rPh sb="16" eb="18">
      <t>シヨウ</t>
    </rPh>
    <rPh sb="20" eb="22">
      <t>セイヒン</t>
    </rPh>
    <phoneticPr fontId="1"/>
  </si>
  <si>
    <t>土鈴
季節の柄や干支の土鈴など多数</t>
    <rPh sb="0" eb="2">
      <t>ドレイ</t>
    </rPh>
    <rPh sb="3" eb="5">
      <t>キセツ</t>
    </rPh>
    <rPh sb="6" eb="7">
      <t>ガラ</t>
    </rPh>
    <rPh sb="8" eb="10">
      <t>エト</t>
    </rPh>
    <rPh sb="11" eb="13">
      <t>ドレイ</t>
    </rPh>
    <rPh sb="15" eb="17">
      <t>タスウ</t>
    </rPh>
    <phoneticPr fontId="1"/>
  </si>
  <si>
    <t>布製品
きんちゃく，コースター，ランチョンマットなど</t>
    <rPh sb="0" eb="1">
      <t>ヌノ</t>
    </rPh>
    <rPh sb="1" eb="3">
      <t>セイヒン</t>
    </rPh>
    <phoneticPr fontId="1"/>
  </si>
  <si>
    <t>木製　干支の置物</t>
    <rPh sb="0" eb="2">
      <t>モクセイ</t>
    </rPh>
    <rPh sb="3" eb="5">
      <t>エト</t>
    </rPh>
    <rPh sb="6" eb="8">
      <t>オキモノ</t>
    </rPh>
    <phoneticPr fontId="1"/>
  </si>
  <si>
    <t>コースター
紙，和紙，布のコースターなどを使用した製品</t>
    <rPh sb="6" eb="7">
      <t>カミ</t>
    </rPh>
    <rPh sb="8" eb="10">
      <t>ワシ</t>
    </rPh>
    <rPh sb="11" eb="12">
      <t>ヌノ</t>
    </rPh>
    <rPh sb="21" eb="23">
      <t>シヨウ</t>
    </rPh>
    <rPh sb="25" eb="27">
      <t>セイヒン</t>
    </rPh>
    <phoneticPr fontId="1"/>
  </si>
  <si>
    <t>さをり製品
ショール
ティッシュカバー
コースター
各種ケースなど</t>
    <rPh sb="26" eb="28">
      <t>カクシュ</t>
    </rPh>
    <phoneticPr fontId="1"/>
  </si>
  <si>
    <t>手芸用品
ビーズ製品</t>
    <rPh sb="0" eb="2">
      <t>シュゲイ</t>
    </rPh>
    <rPh sb="2" eb="4">
      <t>ヨウヒン</t>
    </rPh>
    <rPh sb="8" eb="10">
      <t>セイヒン</t>
    </rPh>
    <phoneticPr fontId="1"/>
  </si>
  <si>
    <t>紙や布を使用したバッグ</t>
    <rPh sb="0" eb="1">
      <t>カミ</t>
    </rPh>
    <rPh sb="2" eb="3">
      <t>ヌノ</t>
    </rPh>
    <rPh sb="4" eb="6">
      <t>シヨウ</t>
    </rPh>
    <phoneticPr fontId="1"/>
  </si>
  <si>
    <t>さをりや布を使用したポーチ</t>
    <rPh sb="4" eb="5">
      <t>ヌノ</t>
    </rPh>
    <rPh sb="6" eb="8">
      <t>シヨウ</t>
    </rPh>
    <phoneticPr fontId="1"/>
  </si>
  <si>
    <t>プリザーブドフラワー</t>
  </si>
  <si>
    <t>ご祝儀袋
ステンシルや手すき和紙などを使用した製品</t>
    <rPh sb="1" eb="3">
      <t>シュウギ</t>
    </rPh>
    <rPh sb="3" eb="4">
      <t>フクロ</t>
    </rPh>
    <rPh sb="11" eb="12">
      <t>テ</t>
    </rPh>
    <rPh sb="14" eb="16">
      <t>ワシ</t>
    </rPh>
    <rPh sb="19" eb="21">
      <t>シヨウ</t>
    </rPh>
    <rPh sb="23" eb="25">
      <t>セイヒン</t>
    </rPh>
    <phoneticPr fontId="1"/>
  </si>
  <si>
    <t>手漉き和紙を使用した製品</t>
    <rPh sb="0" eb="2">
      <t>テス</t>
    </rPh>
    <rPh sb="3" eb="5">
      <t>ワシ</t>
    </rPh>
    <rPh sb="6" eb="8">
      <t>シヨウ</t>
    </rPh>
    <rPh sb="10" eb="12">
      <t>セイヒン</t>
    </rPh>
    <phoneticPr fontId="1"/>
  </si>
  <si>
    <t>かぐやパンダグッズ
かぐやパンダタオル・ハンカチ・マグネット・メモ・キーホルダー・うちわ</t>
  </si>
  <si>
    <t>文書整理ケース　エコロジバコ
(A4大・A4中・A4小，特大A版）</t>
    <rPh sb="0" eb="2">
      <t>ブンショ</t>
    </rPh>
    <rPh sb="2" eb="4">
      <t>セイリ</t>
    </rPh>
    <rPh sb="18" eb="19">
      <t>ダイ</t>
    </rPh>
    <rPh sb="22" eb="23">
      <t>チュウ</t>
    </rPh>
    <rPh sb="26" eb="27">
      <t>ショウ</t>
    </rPh>
    <rPh sb="28" eb="30">
      <t>トクダイ</t>
    </rPh>
    <rPh sb="31" eb="32">
      <t>バン</t>
    </rPh>
    <phoneticPr fontId="1"/>
  </si>
  <si>
    <t xml:space="preserve"> ダンボール製の組み立て式収納箱（エコロジパコ「ファイリングケース」・エコロジパコ）です。
組み立てに梱包用テープやステーブルを使用しないため，リサイクルしやすい組み立て式ダンボール箱です。梱包用テープの剥ぎ取り傷が残らないので，何回も使用することができます。使いやすい親切な設計で積み重ね強度も高い商品です。</t>
    <rPh sb="148" eb="149">
      <t>タカ</t>
    </rPh>
    <rPh sb="150" eb="152">
      <t>ショウヒン</t>
    </rPh>
    <phoneticPr fontId="1"/>
  </si>
  <si>
    <t>寝具全般・各種制服・テーブルクロス・ナフキン等・各種タオル・オシボリ等</t>
    <rPh sb="0" eb="2">
      <t>シング</t>
    </rPh>
    <rPh sb="2" eb="4">
      <t>ゼンパン</t>
    </rPh>
    <rPh sb="5" eb="7">
      <t>カクシュ</t>
    </rPh>
    <rPh sb="7" eb="9">
      <t>セイフク</t>
    </rPh>
    <rPh sb="22" eb="23">
      <t>トウ</t>
    </rPh>
    <rPh sb="24" eb="26">
      <t>カクシュ</t>
    </rPh>
    <rPh sb="34" eb="35">
      <t>トウ</t>
    </rPh>
    <phoneticPr fontId="1"/>
  </si>
  <si>
    <t>県内</t>
    <rPh sb="0" eb="2">
      <t>ケンナイ</t>
    </rPh>
    <phoneticPr fontId="1"/>
  </si>
  <si>
    <t>衣類・生活用品</t>
    <rPh sb="0" eb="2">
      <t>イルイ</t>
    </rPh>
    <rPh sb="3" eb="5">
      <t>セイカツ</t>
    </rPh>
    <rPh sb="5" eb="7">
      <t>ヨウヒン</t>
    </rPh>
    <phoneticPr fontId="4"/>
  </si>
  <si>
    <t>クリーニング</t>
  </si>
  <si>
    <t>シーツ、白衣等</t>
    <rPh sb="4" eb="6">
      <t>ハクイ</t>
    </rPh>
    <rPh sb="6" eb="7">
      <t>トウ</t>
    </rPh>
    <phoneticPr fontId="4"/>
  </si>
  <si>
    <t>カーテン、幕等</t>
    <rPh sb="5" eb="6">
      <t>マク</t>
    </rPh>
    <rPh sb="6" eb="7">
      <t>トウ</t>
    </rPh>
    <phoneticPr fontId="4"/>
  </si>
  <si>
    <t>その他</t>
    <rPh sb="2" eb="3">
      <t>タ</t>
    </rPh>
    <phoneticPr fontId="1"/>
  </si>
  <si>
    <t>清掃
庁舎・事務所の清掃（トイレ・駐車場など）</t>
    <rPh sb="0" eb="2">
      <t>セイソウ</t>
    </rPh>
    <rPh sb="3" eb="5">
      <t>チョウシャ</t>
    </rPh>
    <rPh sb="6" eb="8">
      <t>ジム</t>
    </rPh>
    <rPh sb="8" eb="9">
      <t>ショ</t>
    </rPh>
    <rPh sb="10" eb="12">
      <t>セイソウ</t>
    </rPh>
    <rPh sb="17" eb="20">
      <t>チュウシャジョウ</t>
    </rPh>
    <phoneticPr fontId="1"/>
  </si>
  <si>
    <t>清掃
公道及び公共施設に設置の灰皿及び周辺の片づけ・清掃</t>
    <rPh sb="0" eb="2">
      <t>セイソウ</t>
    </rPh>
    <rPh sb="3" eb="5">
      <t>コウドウ</t>
    </rPh>
    <rPh sb="5" eb="6">
      <t>オヨ</t>
    </rPh>
    <rPh sb="7" eb="9">
      <t>コウキョウ</t>
    </rPh>
    <rPh sb="9" eb="11">
      <t>シセツ</t>
    </rPh>
    <rPh sb="12" eb="14">
      <t>セッチ</t>
    </rPh>
    <rPh sb="15" eb="17">
      <t>ハイザラ</t>
    </rPh>
    <rPh sb="17" eb="18">
      <t>オヨ</t>
    </rPh>
    <rPh sb="19" eb="21">
      <t>シュウヘン</t>
    </rPh>
    <rPh sb="22" eb="23">
      <t>カタ</t>
    </rPh>
    <rPh sb="26" eb="28">
      <t>セイソウ</t>
    </rPh>
    <phoneticPr fontId="1"/>
  </si>
  <si>
    <t>草刈・除草</t>
    <rPh sb="0" eb="2">
      <t>クサカリ</t>
    </rPh>
    <rPh sb="3" eb="5">
      <t>ジョソウ</t>
    </rPh>
    <phoneticPr fontId="1"/>
  </si>
  <si>
    <t>栽培，草花管理，施設緑化</t>
    <rPh sb="0" eb="2">
      <t>サイバイ</t>
    </rPh>
    <rPh sb="3" eb="4">
      <t>クサ</t>
    </rPh>
    <rPh sb="4" eb="5">
      <t>ハナ</t>
    </rPh>
    <rPh sb="5" eb="7">
      <t>カンリ</t>
    </rPh>
    <rPh sb="8" eb="10">
      <t>シセツ</t>
    </rPh>
    <rPh sb="10" eb="12">
      <t>リョクカ</t>
    </rPh>
    <phoneticPr fontId="1"/>
  </si>
  <si>
    <t>自動販売機の商品納品
自動販売機による商品販売のための商品納入その他業務</t>
    <rPh sb="11" eb="13">
      <t>ジドウ</t>
    </rPh>
    <rPh sb="13" eb="16">
      <t>ハンバイキ</t>
    </rPh>
    <rPh sb="19" eb="21">
      <t>ショウヒン</t>
    </rPh>
    <rPh sb="21" eb="23">
      <t>ハンバイ</t>
    </rPh>
    <rPh sb="27" eb="29">
      <t>ショウヒン</t>
    </rPh>
    <rPh sb="29" eb="31">
      <t>ノウニュウ</t>
    </rPh>
    <rPh sb="33" eb="34">
      <t>タ</t>
    </rPh>
    <rPh sb="34" eb="36">
      <t>ギョウム</t>
    </rPh>
    <phoneticPr fontId="1"/>
  </si>
  <si>
    <t>空気調和設備のフィルター洗浄</t>
    <rPh sb="0" eb="2">
      <t>クウキ</t>
    </rPh>
    <rPh sb="2" eb="4">
      <t>チョウワ</t>
    </rPh>
    <rPh sb="4" eb="6">
      <t>セツビ</t>
    </rPh>
    <rPh sb="12" eb="14">
      <t>センジョウ</t>
    </rPh>
    <phoneticPr fontId="1"/>
  </si>
  <si>
    <t>データ入力
ノートパソコンを使用してのデータ入力</t>
    <rPh sb="14" eb="16">
      <t>シヨウ</t>
    </rPh>
    <rPh sb="22" eb="24">
      <t>ニュウリョク</t>
    </rPh>
    <phoneticPr fontId="1"/>
  </si>
  <si>
    <t>運送・旅行</t>
    <rPh sb="0" eb="2">
      <t>ウンソウ</t>
    </rPh>
    <rPh sb="3" eb="5">
      <t>リョコウ</t>
    </rPh>
    <phoneticPr fontId="4"/>
  </si>
  <si>
    <t>梱包・発送代行</t>
    <rPh sb="0" eb="2">
      <t>コンポウ</t>
    </rPh>
    <rPh sb="3" eb="7">
      <t>ハッソウダイコウ</t>
    </rPh>
    <phoneticPr fontId="1"/>
  </si>
  <si>
    <t>封入封緘
郵便物などの封入封緘作業</t>
    <rPh sb="5" eb="8">
      <t>ユウビンブツ</t>
    </rPh>
    <rPh sb="11" eb="13">
      <t>フウニュウ</t>
    </rPh>
    <rPh sb="13" eb="14">
      <t>フウ</t>
    </rPh>
    <rPh sb="15" eb="17">
      <t>サギョウ</t>
    </rPh>
    <phoneticPr fontId="1"/>
  </si>
  <si>
    <t>袋詰め・包装・シール貼り</t>
    <rPh sb="0" eb="1">
      <t>フクロ</t>
    </rPh>
    <rPh sb="1" eb="2">
      <t>ツ</t>
    </rPh>
    <rPh sb="4" eb="6">
      <t>ホウソウ</t>
    </rPh>
    <rPh sb="10" eb="11">
      <t>ハ</t>
    </rPh>
    <phoneticPr fontId="1"/>
  </si>
  <si>
    <t>ラベルシール貼り</t>
    <rPh sb="6" eb="7">
      <t>ハ</t>
    </rPh>
    <phoneticPr fontId="1"/>
  </si>
  <si>
    <t>段ボール箱の折り・のり</t>
    <rPh sb="0" eb="1">
      <t>ダン</t>
    </rPh>
    <rPh sb="4" eb="5">
      <t>バコ</t>
    </rPh>
    <rPh sb="6" eb="7">
      <t>オ</t>
    </rPh>
    <phoneticPr fontId="1"/>
  </si>
  <si>
    <t>テープダビング</t>
  </si>
  <si>
    <t>会議録作成，議事録作成などのテープ起こし</t>
    <rPh sb="0" eb="3">
      <t>カイギロク</t>
    </rPh>
    <rPh sb="3" eb="5">
      <t>サクセイ</t>
    </rPh>
    <rPh sb="6" eb="9">
      <t>ギジロク</t>
    </rPh>
    <rPh sb="9" eb="11">
      <t>サクセイ</t>
    </rPh>
    <rPh sb="17" eb="18">
      <t>オ</t>
    </rPh>
    <phoneticPr fontId="1"/>
  </si>
  <si>
    <t>リサイクル（資源ごみの分別）</t>
    <rPh sb="6" eb="8">
      <t>シゲン</t>
    </rPh>
    <rPh sb="11" eb="13">
      <t>ブンベツ</t>
    </rPh>
    <phoneticPr fontId="1"/>
  </si>
  <si>
    <t>育苗箱洗浄（米）</t>
    <rPh sb="0" eb="1">
      <t>イク</t>
    </rPh>
    <rPh sb="1" eb="2">
      <t>ナエ</t>
    </rPh>
    <rPh sb="2" eb="3">
      <t>バコ</t>
    </rPh>
    <rPh sb="3" eb="5">
      <t>センジョウ</t>
    </rPh>
    <rPh sb="6" eb="7">
      <t>コメ</t>
    </rPh>
    <phoneticPr fontId="1"/>
  </si>
  <si>
    <t>部品等の組立</t>
    <rPh sb="0" eb="2">
      <t>ブヒン</t>
    </rPh>
    <rPh sb="2" eb="3">
      <t>トウ</t>
    </rPh>
    <rPh sb="4" eb="6">
      <t>クミタテ</t>
    </rPh>
    <phoneticPr fontId="1"/>
  </si>
  <si>
    <t>内職</t>
    <rPh sb="0" eb="2">
      <t>ナイショク</t>
    </rPh>
    <phoneticPr fontId="4"/>
  </si>
  <si>
    <t>一般社団法人花と緑のハート事業協会</t>
    <phoneticPr fontId="4"/>
  </si>
  <si>
    <t>730-0842</t>
    <phoneticPr fontId="4"/>
  </si>
  <si>
    <t>広島市中区舟入中町2-14</t>
    <phoneticPr fontId="4"/>
  </si>
  <si>
    <t>共同受注窓口</t>
    <phoneticPr fontId="4"/>
  </si>
  <si>
    <t>082-295-3736</t>
    <phoneticPr fontId="4"/>
  </si>
  <si>
    <t>082-294-7787</t>
    <phoneticPr fontId="4"/>
  </si>
  <si>
    <t>shitaoka@lisha.co.jp</t>
    <phoneticPr fontId="4"/>
  </si>
  <si>
    <t>https://ai-hana-net.com/</t>
    <phoneticPr fontId="4"/>
  </si>
  <si>
    <t>00601240</t>
    <phoneticPr fontId="4"/>
  </si>
  <si>
    <t>ひろぎんビジネスサービス株式会社</t>
    <rPh sb="12" eb="16">
      <t>カブシキガイシャ</t>
    </rPh>
    <phoneticPr fontId="4"/>
  </si>
  <si>
    <t>730-0031</t>
  </si>
  <si>
    <t>広島県広島市中区紙屋町１丁目３－８</t>
    <rPh sb="0" eb="3">
      <t>ヒロシマケン</t>
    </rPh>
    <rPh sb="3" eb="6">
      <t>ヒロシマシ</t>
    </rPh>
    <rPh sb="6" eb="8">
      <t>ナカク</t>
    </rPh>
    <rPh sb="8" eb="9">
      <t>カミ</t>
    </rPh>
    <rPh sb="9" eb="10">
      <t>ヤ</t>
    </rPh>
    <rPh sb="10" eb="11">
      <t>マチ</t>
    </rPh>
    <rPh sb="12" eb="14">
      <t>チョウメ</t>
    </rPh>
    <phoneticPr fontId="4"/>
  </si>
  <si>
    <t>特例子会社</t>
    <rPh sb="0" eb="2">
      <t>トクレイ</t>
    </rPh>
    <rPh sb="2" eb="3">
      <t>コ</t>
    </rPh>
    <rPh sb="3" eb="5">
      <t>カイシャ</t>
    </rPh>
    <phoneticPr fontId="4"/>
  </si>
  <si>
    <t>082-504-3993</t>
    <phoneticPr fontId="4"/>
  </si>
  <si>
    <t>hbs-heartfull@hirogin.co.jp</t>
    <phoneticPr fontId="4"/>
  </si>
  <si>
    <t>00605255</t>
  </si>
  <si>
    <t>ゴム印</t>
    <rPh sb="2" eb="3">
      <t>イン</t>
    </rPh>
    <phoneticPr fontId="4"/>
  </si>
  <si>
    <t>1回の注文で10個程度</t>
    <rPh sb="1" eb="2">
      <t>カイ</t>
    </rPh>
    <rPh sb="3" eb="5">
      <t>チュウモン</t>
    </rPh>
    <rPh sb="8" eb="9">
      <t>コ</t>
    </rPh>
    <rPh sb="9" eb="11">
      <t>テイド</t>
    </rPh>
    <phoneticPr fontId="4"/>
  </si>
  <si>
    <t>300円程度＋別途郵送料～
(1個当りの単価)</t>
    <rPh sb="3" eb="4">
      <t>エン</t>
    </rPh>
    <rPh sb="4" eb="6">
      <t>テイド</t>
    </rPh>
    <rPh sb="7" eb="9">
      <t>ベット</t>
    </rPh>
    <rPh sb="9" eb="12">
      <t>ユウソウリョウ</t>
    </rPh>
    <rPh sb="16" eb="17">
      <t>コ</t>
    </rPh>
    <rPh sb="17" eb="18">
      <t>アタ</t>
    </rPh>
    <rPh sb="20" eb="22">
      <t>タンカ</t>
    </rPh>
    <phoneticPr fontId="4"/>
  </si>
  <si>
    <t>受付から
１週間程度</t>
    <rPh sb="0" eb="2">
      <t>ウケツケ</t>
    </rPh>
    <rPh sb="6" eb="8">
      <t>シュウカン</t>
    </rPh>
    <rPh sb="8" eb="10">
      <t>テイド</t>
    </rPh>
    <phoneticPr fontId="4"/>
  </si>
  <si>
    <t>サイズ調整
要相談</t>
    <rPh sb="3" eb="5">
      <t>チョウセイ</t>
    </rPh>
    <rPh sb="6" eb="7">
      <t>ヨウ</t>
    </rPh>
    <rPh sb="7" eb="9">
      <t>ソウダン</t>
    </rPh>
    <phoneticPr fontId="4"/>
  </si>
  <si>
    <t>物品販売等</t>
  </si>
  <si>
    <t>o動植物</t>
  </si>
  <si>
    <t>花苗販売</t>
  </si>
  <si>
    <t>〇</t>
  </si>
  <si>
    <t>要相談</t>
  </si>
  <si>
    <t>タイプ、数量、納期により出荷可能工リアが限定される場合があります。</t>
  </si>
  <si>
    <t>施設管理</t>
  </si>
  <si>
    <t>樹木剪定・草刈り</t>
  </si>
  <si>
    <t>樹木・花卉植栽作業</t>
  </si>
  <si>
    <t>庁舎屋内清掃</t>
  </si>
  <si>
    <t>庁舎清掃・公舎清掃</t>
  </si>
  <si>
    <t>障害者施設等で受注可能な業務一覧(Ｒ７.10.28更新)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6"/>
      <name val="游ゴシック"/>
      <family val="2"/>
      <charset val="128"/>
      <scheme val="minor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u/>
      <sz val="11"/>
      <color theme="10"/>
      <name val="ＭＳ Ｐゴシック"/>
      <family val="3"/>
      <charset val="128"/>
    </font>
    <font>
      <sz val="11"/>
      <name val="ＭＳ 明朝"/>
      <family val="1"/>
      <charset val="128"/>
    </font>
    <font>
      <u/>
      <sz val="11"/>
      <color theme="10"/>
      <name val="ＭＳ 明朝"/>
      <family val="1"/>
      <charset val="128"/>
    </font>
    <font>
      <sz val="14"/>
      <name val="ＭＳ 明朝"/>
      <family val="1"/>
      <charset val="128"/>
    </font>
    <font>
      <sz val="10"/>
      <color theme="1"/>
      <name val="ＭＳ 明朝"/>
      <family val="1"/>
      <charset val="128"/>
    </font>
    <font>
      <b/>
      <sz val="22"/>
      <name val="ＭＳ ゴシック"/>
      <family val="3"/>
      <charset val="128"/>
    </font>
    <font>
      <sz val="11"/>
      <color theme="1"/>
      <name val="ＭＳ ゴシック"/>
      <family val="3"/>
      <charset val="128"/>
    </font>
    <font>
      <sz val="11"/>
      <name val="ＭＳ ゴシック"/>
      <family val="3"/>
      <charset val="128"/>
    </font>
    <font>
      <b/>
      <sz val="12"/>
      <name val="ＭＳ ゴシック"/>
      <family val="3"/>
      <charset val="128"/>
    </font>
    <font>
      <b/>
      <sz val="10"/>
      <name val="ＭＳ ゴシック"/>
      <family val="3"/>
      <charset val="128"/>
    </font>
    <font>
      <b/>
      <sz val="10"/>
      <color theme="1"/>
      <name val="ＭＳ ゴシック"/>
      <family val="3"/>
      <charset val="128"/>
    </font>
    <font>
      <b/>
      <sz val="9"/>
      <name val="ＭＳ ゴシック"/>
      <family val="3"/>
      <charset val="128"/>
    </font>
    <font>
      <b/>
      <sz val="11"/>
      <name val="ＭＳ ゴシック"/>
      <family val="3"/>
      <charset val="128"/>
    </font>
    <font>
      <b/>
      <sz val="11"/>
      <color theme="1"/>
      <name val="ＭＳ ゴシック"/>
      <family val="3"/>
      <charset val="128"/>
    </font>
    <font>
      <sz val="10"/>
      <name val="ＭＳ Ｐゴシック"/>
      <family val="3"/>
      <charset val="128"/>
    </font>
    <font>
      <sz val="14"/>
      <name val="ＭＳ Ｐゴシック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theme="5" tint="0.39997558519241921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6" tint="0.79998168889431442"/>
        <bgColor indexed="64"/>
      </patternFill>
    </fill>
  </fills>
  <borders count="2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</borders>
  <cellStyleXfs count="4">
    <xf numFmtId="0" fontId="0" fillId="0" borderId="0">
      <alignment vertical="center"/>
    </xf>
    <xf numFmtId="0" fontId="1" fillId="0" borderId="0">
      <alignment vertical="center"/>
    </xf>
    <xf numFmtId="0" fontId="5" fillId="0" borderId="0">
      <alignment vertical="center"/>
    </xf>
    <xf numFmtId="0" fontId="6" fillId="0" borderId="0" applyNumberFormat="0" applyFill="0" applyBorder="0" applyAlignment="0" applyProtection="0">
      <alignment vertical="center"/>
    </xf>
  </cellStyleXfs>
  <cellXfs count="91">
    <xf numFmtId="0" fontId="0" fillId="0" borderId="0" xfId="0">
      <alignment vertical="center"/>
    </xf>
    <xf numFmtId="0" fontId="2" fillId="0" borderId="0" xfId="1" applyFont="1">
      <alignment vertical="center"/>
    </xf>
    <xf numFmtId="0" fontId="2" fillId="0" borderId="0" xfId="1" applyFont="1" applyAlignment="1">
      <alignment horizontal="center" vertical="center"/>
    </xf>
    <xf numFmtId="0" fontId="7" fillId="0" borderId="0" xfId="2" applyFont="1">
      <alignment vertical="center"/>
    </xf>
    <xf numFmtId="0" fontId="2" fillId="0" borderId="0" xfId="1" applyFont="1" applyAlignment="1">
      <alignment horizontal="left" vertical="center"/>
    </xf>
    <xf numFmtId="0" fontId="7" fillId="0" borderId="1" xfId="1" quotePrefix="1" applyFont="1" applyBorder="1" applyAlignment="1">
      <alignment horizontal="center" vertical="center" wrapText="1"/>
    </xf>
    <xf numFmtId="0" fontId="7" fillId="0" borderId="1" xfId="1" applyFont="1" applyBorder="1" applyAlignment="1">
      <alignment vertical="center" wrapText="1"/>
    </xf>
    <xf numFmtId="0" fontId="7" fillId="0" borderId="1" xfId="1" applyFont="1" applyBorder="1" applyAlignment="1">
      <alignment horizontal="center" vertical="center" wrapText="1"/>
    </xf>
    <xf numFmtId="0" fontId="7" fillId="0" borderId="1" xfId="1" applyFont="1" applyBorder="1" applyAlignment="1">
      <alignment horizontal="left" vertical="center" wrapText="1"/>
    </xf>
    <xf numFmtId="0" fontId="7" fillId="0" borderId="1" xfId="2" applyFont="1" applyBorder="1" applyAlignment="1">
      <alignment horizontal="center" vertical="center" wrapText="1" shrinkToFit="1"/>
    </xf>
    <xf numFmtId="0" fontId="8" fillId="0" borderId="1" xfId="3" applyFont="1" applyFill="1" applyBorder="1" applyAlignment="1">
      <alignment horizontal="left" vertical="center" wrapText="1" shrinkToFit="1"/>
    </xf>
    <xf numFmtId="49" fontId="7" fillId="0" borderId="1" xfId="2" applyNumberFormat="1" applyFont="1" applyBorder="1" applyAlignment="1">
      <alignment horizontal="center" vertical="center" wrapText="1" shrinkToFit="1"/>
    </xf>
    <xf numFmtId="0" fontId="9" fillId="0" borderId="1" xfId="1" applyFont="1" applyBorder="1" applyAlignment="1">
      <alignment horizontal="center" vertical="center" wrapText="1"/>
    </xf>
    <xf numFmtId="0" fontId="9" fillId="0" borderId="3" xfId="1" applyFont="1" applyBorder="1" applyAlignment="1">
      <alignment horizontal="center" vertical="center" wrapText="1"/>
    </xf>
    <xf numFmtId="0" fontId="2" fillId="0" borderId="0" xfId="1" applyFont="1" applyAlignment="1">
      <alignment vertical="center" wrapText="1"/>
    </xf>
    <xf numFmtId="0" fontId="7" fillId="0" borderId="0" xfId="1" applyFont="1" applyAlignment="1">
      <alignment vertical="center" wrapText="1"/>
    </xf>
    <xf numFmtId="0" fontId="7" fillId="0" borderId="20" xfId="1" applyFont="1" applyBorder="1" applyAlignment="1">
      <alignment horizontal="center" vertical="center" shrinkToFit="1"/>
    </xf>
    <xf numFmtId="0" fontId="7" fillId="0" borderId="1" xfId="1" applyFont="1" applyBorder="1" applyAlignment="1">
      <alignment horizontal="center" vertical="center" shrinkToFit="1"/>
    </xf>
    <xf numFmtId="0" fontId="9" fillId="0" borderId="1" xfId="1" applyFont="1" applyBorder="1" applyAlignment="1">
      <alignment horizontal="center" vertical="center" shrinkToFit="1"/>
    </xf>
    <xf numFmtId="0" fontId="8" fillId="0" borderId="1" xfId="3" applyFont="1" applyBorder="1" applyAlignment="1">
      <alignment horizontal="left" vertical="center" wrapText="1" shrinkToFit="1"/>
    </xf>
    <xf numFmtId="49" fontId="7" fillId="0" borderId="1" xfId="0" applyNumberFormat="1" applyFont="1" applyBorder="1" applyAlignment="1">
      <alignment horizontal="center" vertical="center" wrapText="1" shrinkToFit="1"/>
    </xf>
    <xf numFmtId="49" fontId="2" fillId="0" borderId="1" xfId="0" applyNumberFormat="1" applyFont="1" applyBorder="1" applyAlignment="1">
      <alignment horizontal="center" vertical="center" wrapText="1" shrinkToFit="1"/>
    </xf>
    <xf numFmtId="0" fontId="9" fillId="0" borderId="1" xfId="1" applyFont="1" applyBorder="1" applyAlignment="1">
      <alignment horizontal="left" vertical="center" shrinkToFit="1"/>
    </xf>
    <xf numFmtId="0" fontId="9" fillId="0" borderId="3" xfId="1" applyFont="1" applyBorder="1" applyAlignment="1">
      <alignment horizontal="center" vertical="center" shrinkToFit="1"/>
    </xf>
    <xf numFmtId="0" fontId="9" fillId="0" borderId="1" xfId="1" applyFont="1" applyBorder="1" applyAlignment="1">
      <alignment horizontal="left" vertical="center" wrapText="1"/>
    </xf>
    <xf numFmtId="0" fontId="9" fillId="0" borderId="1" xfId="1" applyFont="1" applyBorder="1" applyAlignment="1">
      <alignment horizontal="left" vertical="center" wrapText="1" shrinkToFit="1"/>
    </xf>
    <xf numFmtId="0" fontId="7" fillId="0" borderId="1" xfId="0" applyFont="1" applyBorder="1" applyAlignment="1">
      <alignment horizontal="center" vertical="center" wrapText="1" shrinkToFit="1"/>
    </xf>
    <xf numFmtId="0" fontId="8" fillId="0" borderId="1" xfId="3" applyFont="1" applyFill="1" applyBorder="1" applyAlignment="1" applyProtection="1">
      <alignment horizontal="left" vertical="center" wrapText="1" shrinkToFit="1"/>
    </xf>
    <xf numFmtId="0" fontId="7" fillId="0" borderId="1" xfId="2" applyFont="1" applyBorder="1" applyAlignment="1">
      <alignment horizontal="left" vertical="center" wrapText="1" shrinkToFit="1"/>
    </xf>
    <xf numFmtId="0" fontId="7" fillId="0" borderId="1" xfId="2" applyFont="1" applyBorder="1" applyAlignment="1">
      <alignment horizontal="left" vertical="center" wrapText="1"/>
    </xf>
    <xf numFmtId="0" fontId="9" fillId="0" borderId="0" xfId="1" applyFont="1" applyAlignment="1">
      <alignment horizontal="center" vertical="center" wrapText="1"/>
    </xf>
    <xf numFmtId="49" fontId="7" fillId="0" borderId="0" xfId="2" applyNumberFormat="1" applyFont="1" applyAlignment="1">
      <alignment horizontal="center" vertical="center" wrapText="1" shrinkToFit="1"/>
    </xf>
    <xf numFmtId="0" fontId="9" fillId="0" borderId="0" xfId="1" applyFont="1" applyAlignment="1">
      <alignment horizontal="left" vertical="center" wrapText="1"/>
    </xf>
    <xf numFmtId="0" fontId="9" fillId="0" borderId="0" xfId="1" applyFont="1" applyAlignment="1">
      <alignment horizontal="center" vertical="center"/>
    </xf>
    <xf numFmtId="49" fontId="10" fillId="0" borderId="4" xfId="2" applyNumberFormat="1" applyFont="1" applyBorder="1" applyAlignment="1">
      <alignment horizontal="center" vertical="center" shrinkToFit="1"/>
    </xf>
    <xf numFmtId="0" fontId="10" fillId="0" borderId="5" xfId="2" applyFont="1" applyBorder="1" applyAlignment="1">
      <alignment horizontal="left" vertical="center" shrinkToFit="1"/>
    </xf>
    <xf numFmtId="0" fontId="2" fillId="0" borderId="1" xfId="1" applyFont="1" applyBorder="1">
      <alignment vertical="center"/>
    </xf>
    <xf numFmtId="49" fontId="10" fillId="0" borderId="6" xfId="2" applyNumberFormat="1" applyFont="1" applyBorder="1" applyAlignment="1">
      <alignment horizontal="center" vertical="center"/>
    </xf>
    <xf numFmtId="0" fontId="10" fillId="0" borderId="7" xfId="2" applyFont="1" applyBorder="1" applyAlignment="1">
      <alignment horizontal="left" vertical="center" shrinkToFit="1"/>
    </xf>
    <xf numFmtId="49" fontId="10" fillId="0" borderId="8" xfId="2" applyNumberFormat="1" applyFont="1" applyBorder="1" applyAlignment="1">
      <alignment horizontal="center" vertical="center" shrinkToFit="1"/>
    </xf>
    <xf numFmtId="0" fontId="10" fillId="0" borderId="9" xfId="2" applyFont="1" applyBorder="1" applyAlignment="1">
      <alignment horizontal="left" vertical="center" shrinkToFit="1"/>
    </xf>
    <xf numFmtId="49" fontId="10" fillId="0" borderId="10" xfId="2" applyNumberFormat="1" applyFont="1" applyBorder="1" applyAlignment="1">
      <alignment horizontal="center" vertical="center"/>
    </xf>
    <xf numFmtId="49" fontId="10" fillId="0" borderId="11" xfId="2" applyNumberFormat="1" applyFont="1" applyBorder="1" applyAlignment="1">
      <alignment horizontal="center" vertical="center"/>
    </xf>
    <xf numFmtId="0" fontId="10" fillId="0" borderId="12" xfId="2" applyFont="1" applyBorder="1" applyAlignment="1">
      <alignment horizontal="left" vertical="center" shrinkToFit="1"/>
    </xf>
    <xf numFmtId="0" fontId="10" fillId="0" borderId="13" xfId="2" applyFont="1" applyBorder="1" applyAlignment="1">
      <alignment horizontal="left" vertical="center" shrinkToFit="1"/>
    </xf>
    <xf numFmtId="0" fontId="10" fillId="0" borderId="2" xfId="2" applyFont="1" applyBorder="1" applyAlignment="1">
      <alignment horizontal="left" vertical="center" shrinkToFit="1"/>
    </xf>
    <xf numFmtId="49" fontId="10" fillId="0" borderId="14" xfId="2" applyNumberFormat="1" applyFont="1" applyBorder="1" applyAlignment="1">
      <alignment horizontal="center" vertical="center" shrinkToFit="1"/>
    </xf>
    <xf numFmtId="49" fontId="10" fillId="0" borderId="15" xfId="2" applyNumberFormat="1" applyFont="1" applyBorder="1" applyAlignment="1">
      <alignment horizontal="center" vertical="center" shrinkToFit="1"/>
    </xf>
    <xf numFmtId="49" fontId="10" fillId="0" borderId="16" xfId="2" applyNumberFormat="1" applyFont="1" applyBorder="1" applyAlignment="1">
      <alignment horizontal="center" vertical="center"/>
    </xf>
    <xf numFmtId="0" fontId="10" fillId="0" borderId="11" xfId="2" applyFont="1" applyBorder="1" applyAlignment="1">
      <alignment horizontal="center" vertical="top" wrapText="1"/>
    </xf>
    <xf numFmtId="0" fontId="9" fillId="0" borderId="0" xfId="1" applyFont="1" applyAlignment="1">
      <alignment horizontal="left" vertical="center"/>
    </xf>
    <xf numFmtId="0" fontId="10" fillId="0" borderId="0" xfId="2" applyFont="1" applyAlignment="1">
      <alignment horizontal="left" vertical="center" shrinkToFit="1"/>
    </xf>
    <xf numFmtId="49" fontId="10" fillId="0" borderId="6" xfId="2" applyNumberFormat="1" applyFont="1" applyBorder="1" applyAlignment="1">
      <alignment horizontal="center" vertical="center" shrinkToFit="1"/>
    </xf>
    <xf numFmtId="0" fontId="10" fillId="0" borderId="7" xfId="2" applyFont="1" applyBorder="1" applyAlignment="1">
      <alignment vertical="center" shrinkToFit="1"/>
    </xf>
    <xf numFmtId="49" fontId="10" fillId="0" borderId="10" xfId="2" applyNumberFormat="1" applyFont="1" applyBorder="1" applyAlignment="1">
      <alignment horizontal="center" vertical="center" shrinkToFit="1"/>
    </xf>
    <xf numFmtId="0" fontId="10" fillId="0" borderId="9" xfId="2" applyFont="1" applyBorder="1" applyAlignment="1">
      <alignment vertical="center" shrinkToFit="1"/>
    </xf>
    <xf numFmtId="49" fontId="10" fillId="0" borderId="11" xfId="2" applyNumberFormat="1" applyFont="1" applyBorder="1" applyAlignment="1">
      <alignment horizontal="center" vertical="center" shrinkToFit="1"/>
    </xf>
    <xf numFmtId="0" fontId="10" fillId="0" borderId="12" xfId="2" applyFont="1" applyBorder="1" applyAlignment="1"/>
    <xf numFmtId="49" fontId="10" fillId="0" borderId="10" xfId="2" applyNumberFormat="1" applyFont="1" applyBorder="1" applyAlignment="1">
      <alignment horizontal="center"/>
    </xf>
    <xf numFmtId="0" fontId="10" fillId="0" borderId="9" xfId="2" applyFont="1" applyBorder="1">
      <alignment vertical="center"/>
    </xf>
    <xf numFmtId="49" fontId="10" fillId="0" borderId="11" xfId="2" applyNumberFormat="1" applyFont="1" applyBorder="1" applyAlignment="1">
      <alignment horizontal="center" shrinkToFit="1"/>
    </xf>
    <xf numFmtId="0" fontId="10" fillId="0" borderId="12" xfId="2" applyFont="1" applyBorder="1" applyAlignment="1">
      <alignment vertical="center" shrinkToFit="1"/>
    </xf>
    <xf numFmtId="20" fontId="2" fillId="0" borderId="0" xfId="1" applyNumberFormat="1" applyFont="1">
      <alignment vertical="center"/>
    </xf>
    <xf numFmtId="0" fontId="11" fillId="0" borderId="0" xfId="1" applyFont="1" applyAlignment="1">
      <alignment horizontal="left" vertical="center"/>
    </xf>
    <xf numFmtId="0" fontId="12" fillId="0" borderId="0" xfId="1" applyFont="1">
      <alignment vertical="center"/>
    </xf>
    <xf numFmtId="0" fontId="12" fillId="0" borderId="0" xfId="1" applyFont="1" applyAlignment="1">
      <alignment horizontal="center" vertical="center"/>
    </xf>
    <xf numFmtId="0" fontId="13" fillId="0" borderId="0" xfId="2" applyFont="1">
      <alignment vertical="center"/>
    </xf>
    <xf numFmtId="0" fontId="12" fillId="0" borderId="0" xfId="1" applyFont="1" applyAlignment="1">
      <alignment horizontal="left" vertical="center"/>
    </xf>
    <xf numFmtId="0" fontId="14" fillId="3" borderId="1" xfId="2" applyFont="1" applyFill="1" applyBorder="1" applyAlignment="1">
      <alignment horizontal="center" vertical="center" wrapText="1" shrinkToFit="1"/>
    </xf>
    <xf numFmtId="0" fontId="14" fillId="4" borderId="2" xfId="2" applyFont="1" applyFill="1" applyBorder="1" applyAlignment="1">
      <alignment horizontal="center" vertical="center" wrapText="1" shrinkToFit="1"/>
    </xf>
    <xf numFmtId="0" fontId="14" fillId="4" borderId="1" xfId="2" applyFont="1" applyFill="1" applyBorder="1" applyAlignment="1">
      <alignment horizontal="center" vertical="center" wrapText="1" shrinkToFit="1"/>
    </xf>
    <xf numFmtId="0" fontId="15" fillId="4" borderId="1" xfId="2" applyFont="1" applyFill="1" applyBorder="1" applyAlignment="1">
      <alignment horizontal="center" vertical="center" wrapText="1" shrinkToFit="1"/>
    </xf>
    <xf numFmtId="0" fontId="16" fillId="2" borderId="1" xfId="2" applyFont="1" applyFill="1" applyBorder="1" applyAlignment="1">
      <alignment horizontal="center" vertical="center" wrapText="1" shrinkToFit="1"/>
    </xf>
    <xf numFmtId="0" fontId="17" fillId="4" borderId="1" xfId="2" applyFont="1" applyFill="1" applyBorder="1" applyAlignment="1">
      <alignment horizontal="center" vertical="center" wrapText="1" shrinkToFit="1"/>
    </xf>
    <xf numFmtId="0" fontId="18" fillId="4" borderId="1" xfId="2" applyFont="1" applyFill="1" applyBorder="1" applyAlignment="1">
      <alignment horizontal="center" vertical="center" wrapText="1" shrinkToFit="1"/>
    </xf>
    <xf numFmtId="0" fontId="7" fillId="0" borderId="0" xfId="2" applyFont="1" applyAlignment="1">
      <alignment horizontal="center" vertical="center"/>
    </xf>
    <xf numFmtId="0" fontId="18" fillId="3" borderId="1" xfId="1" applyFont="1" applyFill="1" applyBorder="1" applyAlignment="1">
      <alignment horizontal="center" vertical="center"/>
    </xf>
    <xf numFmtId="0" fontId="19" fillId="0" borderId="0" xfId="1" applyFont="1">
      <alignment vertical="center"/>
    </xf>
    <xf numFmtId="0" fontId="18" fillId="0" borderId="0" xfId="1" applyFont="1" applyAlignment="1">
      <alignment horizontal="center" vertical="center"/>
    </xf>
    <xf numFmtId="0" fontId="20" fillId="0" borderId="21" xfId="0" applyFont="1" applyBorder="1" applyAlignment="1">
      <alignment horizontal="left" vertical="center" wrapText="1" shrinkToFit="1"/>
    </xf>
    <xf numFmtId="0" fontId="21" fillId="0" borderId="1" xfId="0" applyFont="1" applyBorder="1" applyAlignment="1">
      <alignment horizontal="center" vertical="center" wrapText="1"/>
    </xf>
    <xf numFmtId="0" fontId="2" fillId="0" borderId="17" xfId="1" applyFont="1" applyBorder="1" applyAlignment="1">
      <alignment vertical="center" textRotation="255"/>
    </xf>
    <xf numFmtId="0" fontId="2" fillId="0" borderId="18" xfId="1" applyFont="1" applyBorder="1" applyAlignment="1">
      <alignment vertical="center" textRotation="255"/>
    </xf>
    <xf numFmtId="0" fontId="2" fillId="0" borderId="19" xfId="1" applyFont="1" applyBorder="1" applyAlignment="1">
      <alignment vertical="center" textRotation="255"/>
    </xf>
    <xf numFmtId="0" fontId="2" fillId="0" borderId="1" xfId="1" applyFont="1" applyBorder="1" applyAlignment="1">
      <alignment vertical="center" textRotation="255"/>
    </xf>
    <xf numFmtId="0" fontId="2" fillId="0" borderId="1" xfId="1" applyFont="1" applyBorder="1">
      <alignment vertical="center"/>
    </xf>
    <xf numFmtId="0" fontId="7" fillId="0" borderId="1" xfId="1" applyFont="1" applyBorder="1" applyAlignment="1">
      <alignment horizontal="center" vertical="center"/>
    </xf>
    <xf numFmtId="0" fontId="7" fillId="0" borderId="1" xfId="1" applyFont="1" applyBorder="1" applyAlignment="1">
      <alignment horizontal="center" vertical="center" textRotation="255"/>
    </xf>
    <xf numFmtId="0" fontId="7" fillId="0" borderId="1" xfId="1" applyFont="1" applyBorder="1" applyAlignment="1">
      <alignment vertical="center" textRotation="255"/>
    </xf>
    <xf numFmtId="49" fontId="20" fillId="0" borderId="1" xfId="0" applyNumberFormat="1" applyFont="1" applyBorder="1" applyAlignment="1">
      <alignment horizontal="center" vertical="center" shrinkToFit="1"/>
    </xf>
    <xf numFmtId="49" fontId="20" fillId="0" borderId="1" xfId="0" applyNumberFormat="1" applyFont="1" applyBorder="1" applyAlignment="1">
      <alignment horizontal="center" vertical="center" wrapText="1" shrinkToFit="1"/>
    </xf>
  </cellXfs>
  <cellStyles count="4">
    <cellStyle name="ハイパーリンク 2" xfId="3" xr:uid="{74831FE8-DD1B-4D2B-A759-988D5FC58DC9}"/>
    <cellStyle name="標準" xfId="0" builtinId="0"/>
    <cellStyle name="標準 2" xfId="2" xr:uid="{4628AEC8-3B0A-472C-AD4C-3FF94A137137}"/>
    <cellStyle name="標準 4" xfId="1" xr:uid="{7113AD0A-9606-4E08-BC5B-7EC0E104221E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6</xdr:col>
      <xdr:colOff>0</xdr:colOff>
      <xdr:row>1</xdr:row>
      <xdr:rowOff>0</xdr:rowOff>
    </xdr:from>
    <xdr:to>
      <xdr:col>41</xdr:col>
      <xdr:colOff>0</xdr:colOff>
      <xdr:row>1</xdr:row>
      <xdr:rowOff>280147</xdr:rowOff>
    </xdr:to>
    <xdr:sp macro="" textlink="">
      <xdr:nvSpPr>
        <xdr:cNvPr id="4" name="テキスト ボックス 3">
          <a:extLst>
            <a:ext uri="{FF2B5EF4-FFF2-40B4-BE49-F238E27FC236}">
              <a16:creationId xmlns:a16="http://schemas.microsoft.com/office/drawing/2014/main" id="{8270D60D-954D-4778-9D6D-3C4AC9681A2A}"/>
            </a:ext>
          </a:extLst>
        </xdr:cNvPr>
        <xdr:cNvSpPr txBox="1"/>
      </xdr:nvSpPr>
      <xdr:spPr>
        <a:xfrm>
          <a:off x="25443180" y="937260"/>
          <a:ext cx="12123420" cy="280147"/>
        </a:xfrm>
        <a:prstGeom prst="rect">
          <a:avLst/>
        </a:prstGeom>
        <a:solidFill>
          <a:schemeClr val="accent3">
            <a:lumMod val="20000"/>
            <a:lumOff val="80000"/>
          </a:schemeClr>
        </a:solidFill>
        <a:ln w="9525" cmpd="sng">
          <a:solidFill>
            <a:sysClr val="windowText" lastClr="00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kumimoji="1" lang="ja-JP" altLang="en-US" sz="1100"/>
            <a:t>営業地域</a:t>
          </a:r>
        </a:p>
      </xdr:txBody>
    </xdr:sp>
    <xdr:clientData/>
  </xdr:twoCellAnchor>
  <xdr:twoCellAnchor>
    <xdr:from>
      <xdr:col>8</xdr:col>
      <xdr:colOff>415637</xdr:colOff>
      <xdr:row>0</xdr:row>
      <xdr:rowOff>83127</xdr:rowOff>
    </xdr:from>
    <xdr:to>
      <xdr:col>9</xdr:col>
      <xdr:colOff>2202873</xdr:colOff>
      <xdr:row>1</xdr:row>
      <xdr:rowOff>45027</xdr:rowOff>
    </xdr:to>
    <xdr:sp macro="" textlink="">
      <xdr:nvSpPr>
        <xdr:cNvPr id="6" name="Text Box 3">
          <a:extLst>
            <a:ext uri="{FF2B5EF4-FFF2-40B4-BE49-F238E27FC236}">
              <a16:creationId xmlns:a16="http://schemas.microsoft.com/office/drawing/2014/main" id="{8BD8E979-5B18-4A09-9C5D-869B03812ED2}"/>
            </a:ext>
          </a:extLst>
        </xdr:cNvPr>
        <xdr:cNvSpPr txBox="1">
          <a:spLocks noChangeArrowheads="1"/>
        </xdr:cNvSpPr>
      </xdr:nvSpPr>
      <xdr:spPr bwMode="auto">
        <a:xfrm>
          <a:off x="12379037" y="83127"/>
          <a:ext cx="3757550" cy="898071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74295" tIns="8890" rIns="74295" bIns="8890" anchor="t" upright="1"/>
        <a:lstStyle/>
        <a:p>
          <a:pPr algn="l" rtl="0">
            <a:defRPr sz="1000"/>
          </a:pPr>
          <a:r>
            <a:rPr lang="ja-JP" altLang="en-US" sz="2800" b="0" i="0" u="none" strike="noStrike" baseline="0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t>（準ずる者認定団体）</a:t>
          </a:r>
        </a:p>
      </xdr:txBody>
    </xdr:sp>
    <xdr:clientData/>
  </xdr:twoCellAnchor>
  <xdr:twoCellAnchor>
    <xdr:from>
      <xdr:col>14</xdr:col>
      <xdr:colOff>541868</xdr:colOff>
      <xdr:row>1</xdr:row>
      <xdr:rowOff>133450</xdr:rowOff>
    </xdr:from>
    <xdr:to>
      <xdr:col>15</xdr:col>
      <xdr:colOff>1473201</xdr:colOff>
      <xdr:row>1</xdr:row>
      <xdr:rowOff>729343</xdr:rowOff>
    </xdr:to>
    <xdr:sp macro="" textlink="">
      <xdr:nvSpPr>
        <xdr:cNvPr id="9" name="テキスト ボックス 8">
          <a:extLst>
            <a:ext uri="{FF2B5EF4-FFF2-40B4-BE49-F238E27FC236}">
              <a16:creationId xmlns:a16="http://schemas.microsoft.com/office/drawing/2014/main" id="{88586A30-6AD0-4CAC-A222-0FDC24F3D013}"/>
            </a:ext>
          </a:extLst>
        </xdr:cNvPr>
        <xdr:cNvSpPr txBox="1"/>
      </xdr:nvSpPr>
      <xdr:spPr>
        <a:xfrm>
          <a:off x="22204439" y="1069621"/>
          <a:ext cx="2825448" cy="595893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kumimoji="1" lang="ja-JP" altLang="en-US" sz="1000" b="1"/>
            <a:t>準ずる者としての登録できる物品と役務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17" Type="http://schemas.openxmlformats.org/officeDocument/2006/relationships/hyperlink" Target="mailto:hwpc@axel.ocn.ne.jp" TargetMode="External"/><Relationship Id="rId21" Type="http://schemas.openxmlformats.org/officeDocument/2006/relationships/hyperlink" Target="https://www.symphony.co.jp/" TargetMode="External"/><Relationship Id="rId42" Type="http://schemas.openxmlformats.org/officeDocument/2006/relationships/hyperlink" Target="mailto:hwpc@axel.ocn.ne.jp" TargetMode="External"/><Relationship Id="rId63" Type="http://schemas.openxmlformats.org/officeDocument/2006/relationships/hyperlink" Target="mailto:hwpc@axel.ocn.ne.jp" TargetMode="External"/><Relationship Id="rId84" Type="http://schemas.openxmlformats.org/officeDocument/2006/relationships/hyperlink" Target="mailto:hwpc@axel.ocn.ne.jp" TargetMode="External"/><Relationship Id="rId138" Type="http://schemas.openxmlformats.org/officeDocument/2006/relationships/hyperlink" Target="mailto:shitaoka@lisha.co.jp" TargetMode="External"/><Relationship Id="rId107" Type="http://schemas.openxmlformats.org/officeDocument/2006/relationships/hyperlink" Target="mailto:hwpc@axel.ocn.ne.jp" TargetMode="External"/><Relationship Id="rId11" Type="http://schemas.openxmlformats.org/officeDocument/2006/relationships/hyperlink" Target="mailto:service@symphony.co.jp" TargetMode="External"/><Relationship Id="rId32" Type="http://schemas.openxmlformats.org/officeDocument/2006/relationships/hyperlink" Target="mailto:hwpc@axel.ocn.ne.jp" TargetMode="External"/><Relationship Id="rId53" Type="http://schemas.openxmlformats.org/officeDocument/2006/relationships/hyperlink" Target="mailto:hwpc@axel.ocn.ne.jp" TargetMode="External"/><Relationship Id="rId74" Type="http://schemas.openxmlformats.org/officeDocument/2006/relationships/hyperlink" Target="mailto:hwpc@axel.ocn.ne.jp" TargetMode="External"/><Relationship Id="rId128" Type="http://schemas.openxmlformats.org/officeDocument/2006/relationships/hyperlink" Target="mailto:hwpc@axel.ocn.ne.jp" TargetMode="External"/><Relationship Id="rId149" Type="http://schemas.openxmlformats.org/officeDocument/2006/relationships/drawing" Target="../drawings/drawing1.xml"/><Relationship Id="rId5" Type="http://schemas.openxmlformats.org/officeDocument/2006/relationships/hyperlink" Target="mailto:service@symphony.co.jp" TargetMode="External"/><Relationship Id="rId95" Type="http://schemas.openxmlformats.org/officeDocument/2006/relationships/hyperlink" Target="mailto:hwpc@axel.ocn.ne.jp" TargetMode="External"/><Relationship Id="rId22" Type="http://schemas.openxmlformats.org/officeDocument/2006/relationships/hyperlink" Target="https://www.symphony.co.jp/" TargetMode="External"/><Relationship Id="rId27" Type="http://schemas.openxmlformats.org/officeDocument/2006/relationships/hyperlink" Target="mailto:hwpc@axel.ocn.ne.jp" TargetMode="External"/><Relationship Id="rId43" Type="http://schemas.openxmlformats.org/officeDocument/2006/relationships/hyperlink" Target="mailto:hwpc@axel.ocn.ne.jp" TargetMode="External"/><Relationship Id="rId48" Type="http://schemas.openxmlformats.org/officeDocument/2006/relationships/hyperlink" Target="mailto:hwpc@axel.ocn.ne.jp" TargetMode="External"/><Relationship Id="rId64" Type="http://schemas.openxmlformats.org/officeDocument/2006/relationships/hyperlink" Target="mailto:hwpc@axel.ocn.ne.jp" TargetMode="External"/><Relationship Id="rId69" Type="http://schemas.openxmlformats.org/officeDocument/2006/relationships/hyperlink" Target="mailto:hwpc@axel.ocn.ne.jp" TargetMode="External"/><Relationship Id="rId113" Type="http://schemas.openxmlformats.org/officeDocument/2006/relationships/hyperlink" Target="mailto:hwpc@axel.ocn.ne.jp" TargetMode="External"/><Relationship Id="rId118" Type="http://schemas.openxmlformats.org/officeDocument/2006/relationships/hyperlink" Target="mailto:hwpc@axel.ocn.ne.jp" TargetMode="External"/><Relationship Id="rId134" Type="http://schemas.openxmlformats.org/officeDocument/2006/relationships/hyperlink" Target="mailto:hwpc@axel.ocn.ne.jp" TargetMode="External"/><Relationship Id="rId139" Type="http://schemas.openxmlformats.org/officeDocument/2006/relationships/hyperlink" Target="mailto:shitaoka@lisha.co.jp" TargetMode="External"/><Relationship Id="rId80" Type="http://schemas.openxmlformats.org/officeDocument/2006/relationships/hyperlink" Target="mailto:hwpc@axel.ocn.ne.jp" TargetMode="External"/><Relationship Id="rId85" Type="http://schemas.openxmlformats.org/officeDocument/2006/relationships/hyperlink" Target="mailto:hwpc@axel.ocn.ne.jp" TargetMode="External"/><Relationship Id="rId12" Type="http://schemas.openxmlformats.org/officeDocument/2006/relationships/hyperlink" Target="mailto:service@symphony.co.jp" TargetMode="External"/><Relationship Id="rId17" Type="http://schemas.openxmlformats.org/officeDocument/2006/relationships/hyperlink" Target="https://www.symphony.co.jp/" TargetMode="External"/><Relationship Id="rId33" Type="http://schemas.openxmlformats.org/officeDocument/2006/relationships/hyperlink" Target="mailto:hwpc@axel.ocn.ne.jp" TargetMode="External"/><Relationship Id="rId38" Type="http://schemas.openxmlformats.org/officeDocument/2006/relationships/hyperlink" Target="mailto:hwpc@axel.ocn.ne.jp" TargetMode="External"/><Relationship Id="rId59" Type="http://schemas.openxmlformats.org/officeDocument/2006/relationships/hyperlink" Target="mailto:hwpc@axel.ocn.ne.jp" TargetMode="External"/><Relationship Id="rId103" Type="http://schemas.openxmlformats.org/officeDocument/2006/relationships/hyperlink" Target="mailto:hwpc@axel.ocn.ne.jp" TargetMode="External"/><Relationship Id="rId108" Type="http://schemas.openxmlformats.org/officeDocument/2006/relationships/hyperlink" Target="mailto:hwpc@axel.ocn.ne.jp" TargetMode="External"/><Relationship Id="rId124" Type="http://schemas.openxmlformats.org/officeDocument/2006/relationships/hyperlink" Target="mailto:hwpc@axel.ocn.ne.jp" TargetMode="External"/><Relationship Id="rId129" Type="http://schemas.openxmlformats.org/officeDocument/2006/relationships/hyperlink" Target="mailto:hwpc@axel.ocn.ne.jp" TargetMode="External"/><Relationship Id="rId54" Type="http://schemas.openxmlformats.org/officeDocument/2006/relationships/hyperlink" Target="mailto:hwpc@axel.ocn.ne.jp" TargetMode="External"/><Relationship Id="rId70" Type="http://schemas.openxmlformats.org/officeDocument/2006/relationships/hyperlink" Target="mailto:hwpc@axel.ocn.ne.jp" TargetMode="External"/><Relationship Id="rId75" Type="http://schemas.openxmlformats.org/officeDocument/2006/relationships/hyperlink" Target="mailto:hwpc@axel.ocn.ne.jp" TargetMode="External"/><Relationship Id="rId91" Type="http://schemas.openxmlformats.org/officeDocument/2006/relationships/hyperlink" Target="mailto:hwpc@axel.ocn.ne.jp" TargetMode="External"/><Relationship Id="rId96" Type="http://schemas.openxmlformats.org/officeDocument/2006/relationships/hyperlink" Target="mailto:hwpc@axel.ocn.ne.jp" TargetMode="External"/><Relationship Id="rId140" Type="http://schemas.openxmlformats.org/officeDocument/2006/relationships/hyperlink" Target="mailto:shitaoka@lisha.co.jp" TargetMode="External"/><Relationship Id="rId145" Type="http://schemas.openxmlformats.org/officeDocument/2006/relationships/hyperlink" Target="mailto:shitaoka@lisha.co.jp" TargetMode="External"/><Relationship Id="rId1" Type="http://schemas.openxmlformats.org/officeDocument/2006/relationships/hyperlink" Target="mailto:service@symphony.co.jp" TargetMode="External"/><Relationship Id="rId6" Type="http://schemas.openxmlformats.org/officeDocument/2006/relationships/hyperlink" Target="mailto:service@symphony.co.jp" TargetMode="External"/><Relationship Id="rId23" Type="http://schemas.openxmlformats.org/officeDocument/2006/relationships/hyperlink" Target="https://www.symphony.co.jp/" TargetMode="External"/><Relationship Id="rId28" Type="http://schemas.openxmlformats.org/officeDocument/2006/relationships/hyperlink" Target="mailto:hwpc@axel.ocn.ne.jp" TargetMode="External"/><Relationship Id="rId49" Type="http://schemas.openxmlformats.org/officeDocument/2006/relationships/hyperlink" Target="mailto:hwpc@axel.ocn.ne.jp" TargetMode="External"/><Relationship Id="rId114" Type="http://schemas.openxmlformats.org/officeDocument/2006/relationships/hyperlink" Target="mailto:hwpc@axel.ocn.ne.jp" TargetMode="External"/><Relationship Id="rId119" Type="http://schemas.openxmlformats.org/officeDocument/2006/relationships/hyperlink" Target="mailto:hwpc@axel.ocn.ne.jp" TargetMode="External"/><Relationship Id="rId44" Type="http://schemas.openxmlformats.org/officeDocument/2006/relationships/hyperlink" Target="mailto:hwpc@axel.ocn.ne.jp" TargetMode="External"/><Relationship Id="rId60" Type="http://schemas.openxmlformats.org/officeDocument/2006/relationships/hyperlink" Target="mailto:hwpc@axel.ocn.ne.jp" TargetMode="External"/><Relationship Id="rId65" Type="http://schemas.openxmlformats.org/officeDocument/2006/relationships/hyperlink" Target="mailto:hwpc@axel.ocn.ne.jp" TargetMode="External"/><Relationship Id="rId81" Type="http://schemas.openxmlformats.org/officeDocument/2006/relationships/hyperlink" Target="mailto:hwpc@axel.ocn.ne.jp" TargetMode="External"/><Relationship Id="rId86" Type="http://schemas.openxmlformats.org/officeDocument/2006/relationships/hyperlink" Target="mailto:hwpc@axel.ocn.ne.jp" TargetMode="External"/><Relationship Id="rId130" Type="http://schemas.openxmlformats.org/officeDocument/2006/relationships/hyperlink" Target="mailto:hwpc@axel.ocn.ne.jp" TargetMode="External"/><Relationship Id="rId135" Type="http://schemas.openxmlformats.org/officeDocument/2006/relationships/hyperlink" Target="mailto:hbs-heartfull@hirogin.co.jp" TargetMode="External"/><Relationship Id="rId13" Type="http://schemas.openxmlformats.org/officeDocument/2006/relationships/hyperlink" Target="mailto:service@symphony.co.jp" TargetMode="External"/><Relationship Id="rId18" Type="http://schemas.openxmlformats.org/officeDocument/2006/relationships/hyperlink" Target="https://www.symphony.co.jp/" TargetMode="External"/><Relationship Id="rId39" Type="http://schemas.openxmlformats.org/officeDocument/2006/relationships/hyperlink" Target="mailto:hwpc@axel.ocn.ne.jp" TargetMode="External"/><Relationship Id="rId109" Type="http://schemas.openxmlformats.org/officeDocument/2006/relationships/hyperlink" Target="mailto:hwpc@axel.ocn.ne.jp" TargetMode="External"/><Relationship Id="rId34" Type="http://schemas.openxmlformats.org/officeDocument/2006/relationships/hyperlink" Target="mailto:hwpc@axel.ocn.ne.jp" TargetMode="External"/><Relationship Id="rId50" Type="http://schemas.openxmlformats.org/officeDocument/2006/relationships/hyperlink" Target="mailto:hwpc@axel.ocn.ne.jp" TargetMode="External"/><Relationship Id="rId55" Type="http://schemas.openxmlformats.org/officeDocument/2006/relationships/hyperlink" Target="mailto:hwpc@axel.ocn.ne.jp" TargetMode="External"/><Relationship Id="rId76" Type="http://schemas.openxmlformats.org/officeDocument/2006/relationships/hyperlink" Target="mailto:hwpc@axel.ocn.ne.jp" TargetMode="External"/><Relationship Id="rId97" Type="http://schemas.openxmlformats.org/officeDocument/2006/relationships/hyperlink" Target="mailto:hwpc@axel.ocn.ne.jp" TargetMode="External"/><Relationship Id="rId104" Type="http://schemas.openxmlformats.org/officeDocument/2006/relationships/hyperlink" Target="mailto:hwpc@axel.ocn.ne.jp" TargetMode="External"/><Relationship Id="rId120" Type="http://schemas.openxmlformats.org/officeDocument/2006/relationships/hyperlink" Target="mailto:hwpc@axel.ocn.ne.jp" TargetMode="External"/><Relationship Id="rId125" Type="http://schemas.openxmlformats.org/officeDocument/2006/relationships/hyperlink" Target="mailto:hwpc@axel.ocn.ne.jp" TargetMode="External"/><Relationship Id="rId141" Type="http://schemas.openxmlformats.org/officeDocument/2006/relationships/hyperlink" Target="https://ai-hana-net.com/" TargetMode="External"/><Relationship Id="rId146" Type="http://schemas.openxmlformats.org/officeDocument/2006/relationships/hyperlink" Target="https://ai-hana-net.com/" TargetMode="External"/><Relationship Id="rId7" Type="http://schemas.openxmlformats.org/officeDocument/2006/relationships/hyperlink" Target="mailto:service@symphony.co.jp" TargetMode="External"/><Relationship Id="rId71" Type="http://schemas.openxmlformats.org/officeDocument/2006/relationships/hyperlink" Target="mailto:hwpc@axel.ocn.ne.jp" TargetMode="External"/><Relationship Id="rId92" Type="http://schemas.openxmlformats.org/officeDocument/2006/relationships/hyperlink" Target="mailto:hwpc@axel.ocn.ne.jp" TargetMode="External"/><Relationship Id="rId2" Type="http://schemas.openxmlformats.org/officeDocument/2006/relationships/hyperlink" Target="https://www.symphony.co.jp/" TargetMode="External"/><Relationship Id="rId29" Type="http://schemas.openxmlformats.org/officeDocument/2006/relationships/hyperlink" Target="mailto:hwpc@axel.ocn.ne.jp" TargetMode="External"/><Relationship Id="rId24" Type="http://schemas.openxmlformats.org/officeDocument/2006/relationships/hyperlink" Target="https://www.symphony.co.jp/" TargetMode="External"/><Relationship Id="rId40" Type="http://schemas.openxmlformats.org/officeDocument/2006/relationships/hyperlink" Target="mailto:hwpc@axel.ocn.ne.jp" TargetMode="External"/><Relationship Id="rId45" Type="http://schemas.openxmlformats.org/officeDocument/2006/relationships/hyperlink" Target="mailto:hwpc@axel.ocn.ne.jp" TargetMode="External"/><Relationship Id="rId66" Type="http://schemas.openxmlformats.org/officeDocument/2006/relationships/hyperlink" Target="mailto:hwpc@axel.ocn.ne.jp" TargetMode="External"/><Relationship Id="rId87" Type="http://schemas.openxmlformats.org/officeDocument/2006/relationships/hyperlink" Target="mailto:hwpc@axel.ocn.ne.jp" TargetMode="External"/><Relationship Id="rId110" Type="http://schemas.openxmlformats.org/officeDocument/2006/relationships/hyperlink" Target="mailto:hwpc@axel.ocn.ne.jp" TargetMode="External"/><Relationship Id="rId115" Type="http://schemas.openxmlformats.org/officeDocument/2006/relationships/hyperlink" Target="mailto:hwpc@axel.ocn.ne.jp" TargetMode="External"/><Relationship Id="rId131" Type="http://schemas.openxmlformats.org/officeDocument/2006/relationships/hyperlink" Target="mailto:hwpc@axel.ocn.ne.jp" TargetMode="External"/><Relationship Id="rId136" Type="http://schemas.openxmlformats.org/officeDocument/2006/relationships/hyperlink" Target="mailto:service@symphony.co.jp" TargetMode="External"/><Relationship Id="rId61" Type="http://schemas.openxmlformats.org/officeDocument/2006/relationships/hyperlink" Target="mailto:hwpc@axel.ocn.ne.jp" TargetMode="External"/><Relationship Id="rId82" Type="http://schemas.openxmlformats.org/officeDocument/2006/relationships/hyperlink" Target="mailto:hwpc@axel.ocn.ne.jp" TargetMode="External"/><Relationship Id="rId19" Type="http://schemas.openxmlformats.org/officeDocument/2006/relationships/hyperlink" Target="https://www.symphony.co.jp/" TargetMode="External"/><Relationship Id="rId14" Type="http://schemas.openxmlformats.org/officeDocument/2006/relationships/hyperlink" Target="mailto:service@symphony.co.jp" TargetMode="External"/><Relationship Id="rId30" Type="http://schemas.openxmlformats.org/officeDocument/2006/relationships/hyperlink" Target="mailto:hwpc@axel.ocn.ne.jp" TargetMode="External"/><Relationship Id="rId35" Type="http://schemas.openxmlformats.org/officeDocument/2006/relationships/hyperlink" Target="mailto:hwpc@axel.ocn.ne.jp" TargetMode="External"/><Relationship Id="rId56" Type="http://schemas.openxmlformats.org/officeDocument/2006/relationships/hyperlink" Target="mailto:hwpc@axel.ocn.ne.jp" TargetMode="External"/><Relationship Id="rId77" Type="http://schemas.openxmlformats.org/officeDocument/2006/relationships/hyperlink" Target="mailto:hwpc@axel.ocn.ne.jp" TargetMode="External"/><Relationship Id="rId100" Type="http://schemas.openxmlformats.org/officeDocument/2006/relationships/hyperlink" Target="mailto:hwpc@axel.ocn.ne.jp" TargetMode="External"/><Relationship Id="rId105" Type="http://schemas.openxmlformats.org/officeDocument/2006/relationships/hyperlink" Target="mailto:hwpc@axel.ocn.ne.jp" TargetMode="External"/><Relationship Id="rId126" Type="http://schemas.openxmlformats.org/officeDocument/2006/relationships/hyperlink" Target="mailto:hwpc@axel.ocn.ne.jp" TargetMode="External"/><Relationship Id="rId147" Type="http://schemas.openxmlformats.org/officeDocument/2006/relationships/hyperlink" Target="https://ai-hana-net.com/" TargetMode="External"/><Relationship Id="rId8" Type="http://schemas.openxmlformats.org/officeDocument/2006/relationships/hyperlink" Target="mailto:service@symphony.co.jp" TargetMode="External"/><Relationship Id="rId51" Type="http://schemas.openxmlformats.org/officeDocument/2006/relationships/hyperlink" Target="mailto:hwpc@axel.ocn.ne.jp" TargetMode="External"/><Relationship Id="rId72" Type="http://schemas.openxmlformats.org/officeDocument/2006/relationships/hyperlink" Target="mailto:hwpc@axel.ocn.ne.jp" TargetMode="External"/><Relationship Id="rId93" Type="http://schemas.openxmlformats.org/officeDocument/2006/relationships/hyperlink" Target="mailto:hwpc@axel.ocn.ne.jp" TargetMode="External"/><Relationship Id="rId98" Type="http://schemas.openxmlformats.org/officeDocument/2006/relationships/hyperlink" Target="mailto:hwpc@axel.ocn.ne.jp" TargetMode="External"/><Relationship Id="rId121" Type="http://schemas.openxmlformats.org/officeDocument/2006/relationships/hyperlink" Target="mailto:hwpc@axel.ocn.ne.jp" TargetMode="External"/><Relationship Id="rId142" Type="http://schemas.openxmlformats.org/officeDocument/2006/relationships/hyperlink" Target="https://ai-hana-net.com/" TargetMode="External"/><Relationship Id="rId3" Type="http://schemas.openxmlformats.org/officeDocument/2006/relationships/hyperlink" Target="mailto:service@symphony.co.jp" TargetMode="External"/><Relationship Id="rId25" Type="http://schemas.openxmlformats.org/officeDocument/2006/relationships/hyperlink" Target="mailto:hwpc@axel.ocn.ne.jp" TargetMode="External"/><Relationship Id="rId46" Type="http://schemas.openxmlformats.org/officeDocument/2006/relationships/hyperlink" Target="mailto:hwpc@axel.ocn.ne.jp" TargetMode="External"/><Relationship Id="rId67" Type="http://schemas.openxmlformats.org/officeDocument/2006/relationships/hyperlink" Target="mailto:hwpc@axel.ocn.ne.jp" TargetMode="External"/><Relationship Id="rId116" Type="http://schemas.openxmlformats.org/officeDocument/2006/relationships/hyperlink" Target="mailto:hwpc@axel.ocn.ne.jp" TargetMode="External"/><Relationship Id="rId137" Type="http://schemas.openxmlformats.org/officeDocument/2006/relationships/hyperlink" Target="https://www.symphony.co.jp/" TargetMode="External"/><Relationship Id="rId20" Type="http://schemas.openxmlformats.org/officeDocument/2006/relationships/hyperlink" Target="https://www.symphony.co.jp/" TargetMode="External"/><Relationship Id="rId41" Type="http://schemas.openxmlformats.org/officeDocument/2006/relationships/hyperlink" Target="mailto:hwpc@axel.ocn.ne.jp" TargetMode="External"/><Relationship Id="rId62" Type="http://schemas.openxmlformats.org/officeDocument/2006/relationships/hyperlink" Target="mailto:hwpc@axel.ocn.ne.jp" TargetMode="External"/><Relationship Id="rId83" Type="http://schemas.openxmlformats.org/officeDocument/2006/relationships/hyperlink" Target="mailto:hwpc@axel.ocn.ne.jp" TargetMode="External"/><Relationship Id="rId88" Type="http://schemas.openxmlformats.org/officeDocument/2006/relationships/hyperlink" Target="mailto:hwpc@axel.ocn.ne.jp" TargetMode="External"/><Relationship Id="rId111" Type="http://schemas.openxmlformats.org/officeDocument/2006/relationships/hyperlink" Target="mailto:hwpc@axel.ocn.ne.jp" TargetMode="External"/><Relationship Id="rId132" Type="http://schemas.openxmlformats.org/officeDocument/2006/relationships/hyperlink" Target="mailto:hwpc@axel.ocn.ne.jp" TargetMode="External"/><Relationship Id="rId15" Type="http://schemas.openxmlformats.org/officeDocument/2006/relationships/hyperlink" Target="https://www.symphony.co.jp/" TargetMode="External"/><Relationship Id="rId36" Type="http://schemas.openxmlformats.org/officeDocument/2006/relationships/hyperlink" Target="mailto:hwpc@axel.ocn.ne.jp" TargetMode="External"/><Relationship Id="rId57" Type="http://schemas.openxmlformats.org/officeDocument/2006/relationships/hyperlink" Target="mailto:hwpc@axel.ocn.ne.jp" TargetMode="External"/><Relationship Id="rId106" Type="http://schemas.openxmlformats.org/officeDocument/2006/relationships/hyperlink" Target="mailto:hwpc@axel.ocn.ne.jp" TargetMode="External"/><Relationship Id="rId127" Type="http://schemas.openxmlformats.org/officeDocument/2006/relationships/hyperlink" Target="mailto:hwpc@axel.ocn.ne.jp" TargetMode="External"/><Relationship Id="rId10" Type="http://schemas.openxmlformats.org/officeDocument/2006/relationships/hyperlink" Target="mailto:service@symphony.co.jp" TargetMode="External"/><Relationship Id="rId31" Type="http://schemas.openxmlformats.org/officeDocument/2006/relationships/hyperlink" Target="mailto:hwpc@axel.ocn.ne.jp" TargetMode="External"/><Relationship Id="rId52" Type="http://schemas.openxmlformats.org/officeDocument/2006/relationships/hyperlink" Target="mailto:hwpc@axel.ocn.ne.jp" TargetMode="External"/><Relationship Id="rId73" Type="http://schemas.openxmlformats.org/officeDocument/2006/relationships/hyperlink" Target="mailto:hwpc@axel.ocn.ne.jp" TargetMode="External"/><Relationship Id="rId78" Type="http://schemas.openxmlformats.org/officeDocument/2006/relationships/hyperlink" Target="mailto:hwpc@axel.ocn.ne.jp" TargetMode="External"/><Relationship Id="rId94" Type="http://schemas.openxmlformats.org/officeDocument/2006/relationships/hyperlink" Target="mailto:hwpc@axel.ocn.ne.jp" TargetMode="External"/><Relationship Id="rId99" Type="http://schemas.openxmlformats.org/officeDocument/2006/relationships/hyperlink" Target="mailto:hwpc@axel.ocn.ne.jp" TargetMode="External"/><Relationship Id="rId101" Type="http://schemas.openxmlformats.org/officeDocument/2006/relationships/hyperlink" Target="mailto:hwpc@axel.ocn.ne.jp" TargetMode="External"/><Relationship Id="rId122" Type="http://schemas.openxmlformats.org/officeDocument/2006/relationships/hyperlink" Target="mailto:hwpc@axel.ocn.ne.jp" TargetMode="External"/><Relationship Id="rId143" Type="http://schemas.openxmlformats.org/officeDocument/2006/relationships/hyperlink" Target="https://ai-hana-net.com/" TargetMode="External"/><Relationship Id="rId148" Type="http://schemas.openxmlformats.org/officeDocument/2006/relationships/printerSettings" Target="../printerSettings/printerSettings1.bin"/><Relationship Id="rId4" Type="http://schemas.openxmlformats.org/officeDocument/2006/relationships/hyperlink" Target="https://www.symphony.co.jp/" TargetMode="External"/><Relationship Id="rId9" Type="http://schemas.openxmlformats.org/officeDocument/2006/relationships/hyperlink" Target="mailto:service@symphony.co.jp" TargetMode="External"/><Relationship Id="rId26" Type="http://schemas.openxmlformats.org/officeDocument/2006/relationships/hyperlink" Target="mailto:hwpc@axel.ocn.ne.jp" TargetMode="External"/><Relationship Id="rId47" Type="http://schemas.openxmlformats.org/officeDocument/2006/relationships/hyperlink" Target="mailto:hwpc@axel.ocn.ne.jp" TargetMode="External"/><Relationship Id="rId68" Type="http://schemas.openxmlformats.org/officeDocument/2006/relationships/hyperlink" Target="mailto:hwpc@axel.ocn.ne.jp" TargetMode="External"/><Relationship Id="rId89" Type="http://schemas.openxmlformats.org/officeDocument/2006/relationships/hyperlink" Target="mailto:hwpc@axel.ocn.ne.jp" TargetMode="External"/><Relationship Id="rId112" Type="http://schemas.openxmlformats.org/officeDocument/2006/relationships/hyperlink" Target="mailto:hwpc@axel.ocn.ne.jp" TargetMode="External"/><Relationship Id="rId133" Type="http://schemas.openxmlformats.org/officeDocument/2006/relationships/hyperlink" Target="mailto:hwpc@axel.ocn.ne.jp" TargetMode="External"/><Relationship Id="rId16" Type="http://schemas.openxmlformats.org/officeDocument/2006/relationships/hyperlink" Target="https://www.symphony.co.jp/" TargetMode="External"/><Relationship Id="rId37" Type="http://schemas.openxmlformats.org/officeDocument/2006/relationships/hyperlink" Target="mailto:hwpc@axel.ocn.ne.jp" TargetMode="External"/><Relationship Id="rId58" Type="http://schemas.openxmlformats.org/officeDocument/2006/relationships/hyperlink" Target="mailto:hwpc@axel.ocn.ne.jp" TargetMode="External"/><Relationship Id="rId79" Type="http://schemas.openxmlformats.org/officeDocument/2006/relationships/hyperlink" Target="mailto:hwpc@axel.ocn.ne.jp" TargetMode="External"/><Relationship Id="rId102" Type="http://schemas.openxmlformats.org/officeDocument/2006/relationships/hyperlink" Target="mailto:hwpc@axel.ocn.ne.jp" TargetMode="External"/><Relationship Id="rId123" Type="http://schemas.openxmlformats.org/officeDocument/2006/relationships/hyperlink" Target="mailto:hwpc@axel.ocn.ne.jp" TargetMode="External"/><Relationship Id="rId144" Type="http://schemas.openxmlformats.org/officeDocument/2006/relationships/hyperlink" Target="mailto:shitaoka@lisha.co.jp" TargetMode="External"/><Relationship Id="rId90" Type="http://schemas.openxmlformats.org/officeDocument/2006/relationships/hyperlink" Target="mailto:hwpc@axel.ocn.ne.jp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C8AC36F-597B-4FB9-A971-066E33E9ECE5}">
  <sheetPr>
    <tabColor rgb="FFFFC000"/>
  </sheetPr>
  <dimension ref="A1:AX376"/>
  <sheetViews>
    <sheetView tabSelected="1" view="pageBreakPreview" topLeftCell="A120" zoomScale="70" zoomScaleNormal="90" zoomScaleSheetLayoutView="70" workbookViewId="0">
      <selection activeCell="K128" sqref="K128:M133"/>
    </sheetView>
  </sheetViews>
  <sheetFormatPr defaultColWidth="3.78515625" defaultRowHeight="20.25" customHeight="1" x14ac:dyDescent="0.65"/>
  <cols>
    <col min="1" max="1" width="11.5703125" style="33" customWidth="1"/>
    <col min="2" max="2" width="30.92578125" style="1" customWidth="1"/>
    <col min="3" max="3" width="8.5" style="2" bestFit="1" customWidth="1"/>
    <col min="4" max="4" width="27.78515625" style="1" bestFit="1" customWidth="1"/>
    <col min="5" max="5" width="14" style="2" customWidth="1"/>
    <col min="6" max="7" width="12.5" style="1" bestFit="1" customWidth="1"/>
    <col min="8" max="8" width="26.0703125" style="1" customWidth="1"/>
    <col min="9" max="9" width="25.92578125" style="1" customWidth="1"/>
    <col min="10" max="10" width="29.5" style="1" customWidth="1"/>
    <col min="11" max="13" width="13.5703125" style="1" customWidth="1"/>
    <col min="14" max="14" width="31.2109375" style="4" customWidth="1"/>
    <col min="15" max="16" width="24.92578125" style="1" customWidth="1"/>
    <col min="17" max="40" width="6.2109375" style="1" customWidth="1"/>
    <col min="41" max="41" width="10.28515625" style="1" bestFit="1" customWidth="1"/>
    <col min="42" max="43" width="14.78515625" style="1" bestFit="1" customWidth="1"/>
    <col min="44" max="44" width="9.7109375" style="1" bestFit="1" customWidth="1"/>
    <col min="45" max="45" width="17.92578125" style="1" customWidth="1"/>
    <col min="46" max="46" width="36.2109375" style="1" customWidth="1"/>
    <col min="47" max="48" width="10.5" style="1" customWidth="1"/>
    <col min="49" max="16384" width="3.78515625" style="1"/>
  </cols>
  <sheetData>
    <row r="1" spans="1:50" s="64" customFormat="1" ht="54" customHeight="1" x14ac:dyDescent="0.65">
      <c r="A1" s="63" t="s">
        <v>741</v>
      </c>
      <c r="C1" s="65"/>
      <c r="D1" s="66"/>
      <c r="E1" s="65"/>
      <c r="N1" s="67"/>
    </row>
    <row r="2" spans="1:50" s="78" customFormat="1" ht="154.1" customHeight="1" x14ac:dyDescent="0.65">
      <c r="A2" s="76" t="s">
        <v>43</v>
      </c>
      <c r="B2" s="76" t="s">
        <v>41</v>
      </c>
      <c r="C2" s="76" t="s">
        <v>44</v>
      </c>
      <c r="D2" s="76" t="s">
        <v>42</v>
      </c>
      <c r="E2" s="76" t="s">
        <v>45</v>
      </c>
      <c r="F2" s="68" t="s">
        <v>46</v>
      </c>
      <c r="G2" s="68" t="s">
        <v>47</v>
      </c>
      <c r="H2" s="68" t="s">
        <v>48</v>
      </c>
      <c r="I2" s="68" t="s">
        <v>49</v>
      </c>
      <c r="J2" s="68" t="s">
        <v>536</v>
      </c>
      <c r="K2" s="69" t="s">
        <v>539</v>
      </c>
      <c r="L2" s="70" t="s">
        <v>537</v>
      </c>
      <c r="M2" s="70" t="s">
        <v>538</v>
      </c>
      <c r="N2" s="71" t="s">
        <v>50</v>
      </c>
      <c r="O2" s="72" t="s">
        <v>540</v>
      </c>
      <c r="P2" s="72" t="s">
        <v>541</v>
      </c>
      <c r="Q2" s="73" t="s">
        <v>18</v>
      </c>
      <c r="R2" s="73" t="s">
        <v>19</v>
      </c>
      <c r="S2" s="73" t="s">
        <v>20</v>
      </c>
      <c r="T2" s="73" t="s">
        <v>21</v>
      </c>
      <c r="U2" s="73" t="s">
        <v>22</v>
      </c>
      <c r="V2" s="73" t="s">
        <v>23</v>
      </c>
      <c r="W2" s="73" t="s">
        <v>24</v>
      </c>
      <c r="X2" s="73" t="s">
        <v>25</v>
      </c>
      <c r="Y2" s="73" t="s">
        <v>26</v>
      </c>
      <c r="Z2" s="73" t="s">
        <v>27</v>
      </c>
      <c r="AA2" s="73" t="s">
        <v>28</v>
      </c>
      <c r="AB2" s="73" t="s">
        <v>29</v>
      </c>
      <c r="AC2" s="73" t="s">
        <v>30</v>
      </c>
      <c r="AD2" s="73" t="s">
        <v>31</v>
      </c>
      <c r="AE2" s="73" t="s">
        <v>32</v>
      </c>
      <c r="AF2" s="73" t="s">
        <v>33</v>
      </c>
      <c r="AG2" s="73" t="s">
        <v>34</v>
      </c>
      <c r="AH2" s="73" t="s">
        <v>35</v>
      </c>
      <c r="AI2" s="73" t="s">
        <v>36</v>
      </c>
      <c r="AJ2" s="73" t="s">
        <v>37</v>
      </c>
      <c r="AK2" s="73" t="s">
        <v>38</v>
      </c>
      <c r="AL2" s="73" t="s">
        <v>39</v>
      </c>
      <c r="AM2" s="73" t="s">
        <v>40</v>
      </c>
      <c r="AN2" s="73" t="s">
        <v>51</v>
      </c>
      <c r="AO2" s="70" t="s">
        <v>52</v>
      </c>
      <c r="AP2" s="70" t="s">
        <v>53</v>
      </c>
      <c r="AQ2" s="70" t="s">
        <v>54</v>
      </c>
      <c r="AR2" s="70" t="s">
        <v>55</v>
      </c>
      <c r="AS2" s="74" t="s">
        <v>56</v>
      </c>
      <c r="AT2" s="77"/>
      <c r="AU2" s="77"/>
      <c r="AV2" s="77"/>
      <c r="AW2" s="77"/>
      <c r="AX2" s="77"/>
    </row>
    <row r="3" spans="1:50" s="15" customFormat="1" ht="42.75" customHeight="1" x14ac:dyDescent="0.65">
      <c r="A3" s="5" t="s">
        <v>57</v>
      </c>
      <c r="B3" s="6" t="s">
        <v>58</v>
      </c>
      <c r="C3" s="7" t="s">
        <v>5</v>
      </c>
      <c r="D3" s="6" t="s">
        <v>59</v>
      </c>
      <c r="E3" s="7" t="s">
        <v>60</v>
      </c>
      <c r="F3" s="9" t="s">
        <v>61</v>
      </c>
      <c r="G3" s="9" t="s">
        <v>62</v>
      </c>
      <c r="H3" s="10" t="s">
        <v>63</v>
      </c>
      <c r="I3" s="10" t="s">
        <v>64</v>
      </c>
      <c r="J3" s="11" t="s">
        <v>57</v>
      </c>
      <c r="K3" s="11" t="s">
        <v>7</v>
      </c>
      <c r="L3" s="11" t="s">
        <v>73</v>
      </c>
      <c r="M3" s="11" t="s">
        <v>8</v>
      </c>
      <c r="N3" s="8" t="s">
        <v>74</v>
      </c>
      <c r="O3" s="12" t="s">
        <v>3</v>
      </c>
      <c r="P3" s="12" t="s">
        <v>4</v>
      </c>
      <c r="Q3" s="12" t="s">
        <v>66</v>
      </c>
      <c r="R3" s="12" t="s">
        <v>66</v>
      </c>
      <c r="S3" s="12" t="s">
        <v>66</v>
      </c>
      <c r="T3" s="12" t="s">
        <v>66</v>
      </c>
      <c r="U3" s="12" t="s">
        <v>66</v>
      </c>
      <c r="V3" s="12" t="s">
        <v>66</v>
      </c>
      <c r="W3" s="12" t="s">
        <v>66</v>
      </c>
      <c r="X3" s="12" t="s">
        <v>66</v>
      </c>
      <c r="Y3" s="12" t="s">
        <v>66</v>
      </c>
      <c r="Z3" s="12" t="s">
        <v>66</v>
      </c>
      <c r="AA3" s="12" t="s">
        <v>66</v>
      </c>
      <c r="AB3" s="12" t="s">
        <v>66</v>
      </c>
      <c r="AC3" s="12" t="s">
        <v>66</v>
      </c>
      <c r="AD3" s="12" t="s">
        <v>66</v>
      </c>
      <c r="AE3" s="12" t="s">
        <v>66</v>
      </c>
      <c r="AF3" s="12" t="s">
        <v>66</v>
      </c>
      <c r="AG3" s="12" t="s">
        <v>66</v>
      </c>
      <c r="AH3" s="12" t="s">
        <v>66</v>
      </c>
      <c r="AI3" s="12" t="s">
        <v>66</v>
      </c>
      <c r="AJ3" s="12" t="s">
        <v>66</v>
      </c>
      <c r="AK3" s="12" t="s">
        <v>66</v>
      </c>
      <c r="AL3" s="12" t="s">
        <v>66</v>
      </c>
      <c r="AM3" s="12" t="s">
        <v>66</v>
      </c>
      <c r="AN3" s="12"/>
      <c r="AO3" s="12"/>
      <c r="AP3" s="12" t="s">
        <v>67</v>
      </c>
      <c r="AQ3" s="12" t="s">
        <v>67</v>
      </c>
      <c r="AR3" s="12" t="s">
        <v>67</v>
      </c>
      <c r="AS3" s="13"/>
      <c r="AT3" s="14"/>
      <c r="AU3" s="14"/>
      <c r="AV3" s="14"/>
      <c r="AW3" s="14"/>
      <c r="AX3" s="14"/>
    </row>
    <row r="4" spans="1:50" s="15" customFormat="1" ht="42.75" customHeight="1" x14ac:dyDescent="0.65">
      <c r="A4" s="5" t="s">
        <v>57</v>
      </c>
      <c r="B4" s="6" t="s">
        <v>58</v>
      </c>
      <c r="C4" s="7" t="s">
        <v>5</v>
      </c>
      <c r="D4" s="6" t="s">
        <v>59</v>
      </c>
      <c r="E4" s="7" t="s">
        <v>60</v>
      </c>
      <c r="F4" s="9" t="s">
        <v>61</v>
      </c>
      <c r="G4" s="9" t="s">
        <v>62</v>
      </c>
      <c r="H4" s="10" t="s">
        <v>63</v>
      </c>
      <c r="I4" s="10" t="s">
        <v>64</v>
      </c>
      <c r="J4" s="11" t="s">
        <v>57</v>
      </c>
      <c r="K4" s="11" t="s">
        <v>7</v>
      </c>
      <c r="L4" s="11" t="s">
        <v>75</v>
      </c>
      <c r="M4" s="11" t="s">
        <v>9</v>
      </c>
      <c r="N4" s="8" t="s">
        <v>76</v>
      </c>
      <c r="O4" s="12" t="s">
        <v>3</v>
      </c>
      <c r="P4" s="12" t="s">
        <v>4</v>
      </c>
      <c r="Q4" s="12" t="s">
        <v>66</v>
      </c>
      <c r="R4" s="12" t="s">
        <v>66</v>
      </c>
      <c r="S4" s="12" t="s">
        <v>66</v>
      </c>
      <c r="T4" s="12" t="s">
        <v>66</v>
      </c>
      <c r="U4" s="12" t="s">
        <v>66</v>
      </c>
      <c r="V4" s="12" t="s">
        <v>66</v>
      </c>
      <c r="W4" s="12" t="s">
        <v>66</v>
      </c>
      <c r="X4" s="12" t="s">
        <v>66</v>
      </c>
      <c r="Y4" s="12" t="s">
        <v>66</v>
      </c>
      <c r="Z4" s="12" t="s">
        <v>66</v>
      </c>
      <c r="AA4" s="12" t="s">
        <v>66</v>
      </c>
      <c r="AB4" s="12" t="s">
        <v>66</v>
      </c>
      <c r="AC4" s="12" t="s">
        <v>66</v>
      </c>
      <c r="AD4" s="12" t="s">
        <v>66</v>
      </c>
      <c r="AE4" s="12" t="s">
        <v>66</v>
      </c>
      <c r="AF4" s="12" t="s">
        <v>66</v>
      </c>
      <c r="AG4" s="12" t="s">
        <v>66</v>
      </c>
      <c r="AH4" s="12" t="s">
        <v>66</v>
      </c>
      <c r="AI4" s="12" t="s">
        <v>66</v>
      </c>
      <c r="AJ4" s="12" t="s">
        <v>66</v>
      </c>
      <c r="AK4" s="12" t="s">
        <v>66</v>
      </c>
      <c r="AL4" s="12" t="s">
        <v>66</v>
      </c>
      <c r="AM4" s="12" t="s">
        <v>66</v>
      </c>
      <c r="AN4" s="12" t="s">
        <v>72</v>
      </c>
      <c r="AO4" s="12"/>
      <c r="AP4" s="12"/>
      <c r="AQ4" s="12"/>
      <c r="AR4" s="12"/>
      <c r="AS4" s="13"/>
      <c r="AT4" s="14"/>
      <c r="AU4" s="14"/>
      <c r="AV4" s="14"/>
      <c r="AW4" s="14"/>
      <c r="AX4" s="14"/>
    </row>
    <row r="5" spans="1:50" s="15" customFormat="1" ht="42.75" customHeight="1" x14ac:dyDescent="0.65">
      <c r="A5" s="5" t="s">
        <v>57</v>
      </c>
      <c r="B5" s="6" t="s">
        <v>58</v>
      </c>
      <c r="C5" s="7" t="s">
        <v>5</v>
      </c>
      <c r="D5" s="6" t="s">
        <v>59</v>
      </c>
      <c r="E5" s="7" t="s">
        <v>60</v>
      </c>
      <c r="F5" s="9" t="s">
        <v>61</v>
      </c>
      <c r="G5" s="9" t="s">
        <v>62</v>
      </c>
      <c r="H5" s="10" t="s">
        <v>63</v>
      </c>
      <c r="I5" s="10" t="s">
        <v>64</v>
      </c>
      <c r="J5" s="11" t="s">
        <v>57</v>
      </c>
      <c r="K5" s="11" t="s">
        <v>7</v>
      </c>
      <c r="L5" s="11" t="s">
        <v>75</v>
      </c>
      <c r="M5" s="11" t="s">
        <v>10</v>
      </c>
      <c r="N5" s="8" t="s">
        <v>77</v>
      </c>
      <c r="O5" s="12" t="s">
        <v>3</v>
      </c>
      <c r="P5" s="12" t="s">
        <v>4</v>
      </c>
      <c r="Q5" s="12" t="s">
        <v>66</v>
      </c>
      <c r="R5" s="12" t="s">
        <v>66</v>
      </c>
      <c r="S5" s="12" t="s">
        <v>66</v>
      </c>
      <c r="T5" s="12" t="s">
        <v>66</v>
      </c>
      <c r="U5" s="12" t="s">
        <v>66</v>
      </c>
      <c r="V5" s="12" t="s">
        <v>66</v>
      </c>
      <c r="W5" s="12" t="s">
        <v>66</v>
      </c>
      <c r="X5" s="12" t="s">
        <v>66</v>
      </c>
      <c r="Y5" s="12" t="s">
        <v>66</v>
      </c>
      <c r="Z5" s="12" t="s">
        <v>66</v>
      </c>
      <c r="AA5" s="12" t="s">
        <v>66</v>
      </c>
      <c r="AB5" s="12" t="s">
        <v>66</v>
      </c>
      <c r="AC5" s="12" t="s">
        <v>66</v>
      </c>
      <c r="AD5" s="12" t="s">
        <v>66</v>
      </c>
      <c r="AE5" s="12" t="s">
        <v>66</v>
      </c>
      <c r="AF5" s="12" t="s">
        <v>66</v>
      </c>
      <c r="AG5" s="12" t="s">
        <v>66</v>
      </c>
      <c r="AH5" s="12" t="s">
        <v>66</v>
      </c>
      <c r="AI5" s="12" t="s">
        <v>66</v>
      </c>
      <c r="AJ5" s="12" t="s">
        <v>66</v>
      </c>
      <c r="AK5" s="12" t="s">
        <v>66</v>
      </c>
      <c r="AL5" s="12" t="s">
        <v>66</v>
      </c>
      <c r="AM5" s="12" t="s">
        <v>66</v>
      </c>
      <c r="AN5" s="12" t="s">
        <v>72</v>
      </c>
      <c r="AO5" s="12"/>
      <c r="AP5" s="12"/>
      <c r="AQ5" s="12"/>
      <c r="AR5" s="12"/>
      <c r="AS5" s="13"/>
      <c r="AT5" s="14"/>
      <c r="AU5" s="14"/>
      <c r="AV5" s="14"/>
      <c r="AW5" s="14"/>
      <c r="AX5" s="14"/>
    </row>
    <row r="6" spans="1:50" s="15" customFormat="1" ht="42.75" customHeight="1" x14ac:dyDescent="0.65">
      <c r="A6" s="5" t="s">
        <v>57</v>
      </c>
      <c r="B6" s="6" t="s">
        <v>58</v>
      </c>
      <c r="C6" s="7" t="s">
        <v>5</v>
      </c>
      <c r="D6" s="6" t="s">
        <v>59</v>
      </c>
      <c r="E6" s="7" t="s">
        <v>60</v>
      </c>
      <c r="F6" s="9" t="s">
        <v>61</v>
      </c>
      <c r="G6" s="9" t="s">
        <v>62</v>
      </c>
      <c r="H6" s="10" t="s">
        <v>63</v>
      </c>
      <c r="I6" s="10" t="s">
        <v>64</v>
      </c>
      <c r="J6" s="11" t="s">
        <v>57</v>
      </c>
      <c r="K6" s="11" t="s">
        <v>7</v>
      </c>
      <c r="L6" s="11" t="s">
        <v>75</v>
      </c>
      <c r="M6" s="11" t="s">
        <v>10</v>
      </c>
      <c r="N6" s="8" t="s">
        <v>78</v>
      </c>
      <c r="O6" s="12" t="s">
        <v>3</v>
      </c>
      <c r="P6" s="12" t="s">
        <v>4</v>
      </c>
      <c r="Q6" s="12" t="s">
        <v>66</v>
      </c>
      <c r="R6" s="12" t="s">
        <v>66</v>
      </c>
      <c r="S6" s="12" t="s">
        <v>66</v>
      </c>
      <c r="T6" s="12" t="s">
        <v>66</v>
      </c>
      <c r="U6" s="12" t="s">
        <v>66</v>
      </c>
      <c r="V6" s="12" t="s">
        <v>66</v>
      </c>
      <c r="W6" s="12" t="s">
        <v>66</v>
      </c>
      <c r="X6" s="12" t="s">
        <v>66</v>
      </c>
      <c r="Y6" s="12" t="s">
        <v>66</v>
      </c>
      <c r="Z6" s="12" t="s">
        <v>66</v>
      </c>
      <c r="AA6" s="12" t="s">
        <v>66</v>
      </c>
      <c r="AB6" s="12" t="s">
        <v>66</v>
      </c>
      <c r="AC6" s="12" t="s">
        <v>66</v>
      </c>
      <c r="AD6" s="12" t="s">
        <v>66</v>
      </c>
      <c r="AE6" s="12" t="s">
        <v>66</v>
      </c>
      <c r="AF6" s="12" t="s">
        <v>66</v>
      </c>
      <c r="AG6" s="12" t="s">
        <v>66</v>
      </c>
      <c r="AH6" s="12" t="s">
        <v>66</v>
      </c>
      <c r="AI6" s="12" t="s">
        <v>66</v>
      </c>
      <c r="AJ6" s="12" t="s">
        <v>66</v>
      </c>
      <c r="AK6" s="12" t="s">
        <v>66</v>
      </c>
      <c r="AL6" s="12" t="s">
        <v>66</v>
      </c>
      <c r="AM6" s="12" t="s">
        <v>66</v>
      </c>
      <c r="AN6" s="12" t="s">
        <v>72</v>
      </c>
      <c r="AO6" s="12"/>
      <c r="AP6" s="12"/>
      <c r="AQ6" s="12"/>
      <c r="AR6" s="12"/>
      <c r="AS6" s="13"/>
      <c r="AT6" s="14"/>
      <c r="AU6" s="14"/>
      <c r="AV6" s="14"/>
      <c r="AW6" s="14"/>
      <c r="AX6" s="14"/>
    </row>
    <row r="7" spans="1:50" s="15" customFormat="1" ht="42.75" customHeight="1" x14ac:dyDescent="0.65">
      <c r="A7" s="5" t="s">
        <v>57</v>
      </c>
      <c r="B7" s="6" t="s">
        <v>58</v>
      </c>
      <c r="C7" s="7" t="s">
        <v>5</v>
      </c>
      <c r="D7" s="6" t="s">
        <v>59</v>
      </c>
      <c r="E7" s="7" t="s">
        <v>60</v>
      </c>
      <c r="F7" s="9" t="s">
        <v>61</v>
      </c>
      <c r="G7" s="9" t="s">
        <v>62</v>
      </c>
      <c r="H7" s="10" t="s">
        <v>63</v>
      </c>
      <c r="I7" s="10" t="s">
        <v>64</v>
      </c>
      <c r="J7" s="11" t="s">
        <v>57</v>
      </c>
      <c r="K7" s="11" t="s">
        <v>7</v>
      </c>
      <c r="L7" s="11" t="s">
        <v>75</v>
      </c>
      <c r="M7" s="11" t="s">
        <v>11</v>
      </c>
      <c r="N7" s="8" t="s">
        <v>79</v>
      </c>
      <c r="O7" s="12" t="s">
        <v>3</v>
      </c>
      <c r="P7" s="12" t="s">
        <v>4</v>
      </c>
      <c r="Q7" s="12" t="s">
        <v>66</v>
      </c>
      <c r="R7" s="12" t="s">
        <v>66</v>
      </c>
      <c r="S7" s="12" t="s">
        <v>66</v>
      </c>
      <c r="T7" s="12" t="s">
        <v>66</v>
      </c>
      <c r="U7" s="12" t="s">
        <v>66</v>
      </c>
      <c r="V7" s="12" t="s">
        <v>66</v>
      </c>
      <c r="W7" s="12" t="s">
        <v>66</v>
      </c>
      <c r="X7" s="12" t="s">
        <v>66</v>
      </c>
      <c r="Y7" s="12" t="s">
        <v>66</v>
      </c>
      <c r="Z7" s="12" t="s">
        <v>66</v>
      </c>
      <c r="AA7" s="12" t="s">
        <v>66</v>
      </c>
      <c r="AB7" s="12" t="s">
        <v>66</v>
      </c>
      <c r="AC7" s="12" t="s">
        <v>66</v>
      </c>
      <c r="AD7" s="12" t="s">
        <v>66</v>
      </c>
      <c r="AE7" s="12" t="s">
        <v>66</v>
      </c>
      <c r="AF7" s="12" t="s">
        <v>66</v>
      </c>
      <c r="AG7" s="12" t="s">
        <v>66</v>
      </c>
      <c r="AH7" s="12" t="s">
        <v>66</v>
      </c>
      <c r="AI7" s="12" t="s">
        <v>66</v>
      </c>
      <c r="AJ7" s="12" t="s">
        <v>66</v>
      </c>
      <c r="AK7" s="12" t="s">
        <v>66</v>
      </c>
      <c r="AL7" s="12" t="s">
        <v>66</v>
      </c>
      <c r="AM7" s="12" t="s">
        <v>66</v>
      </c>
      <c r="AN7" s="12" t="s">
        <v>72</v>
      </c>
      <c r="AO7" s="12"/>
      <c r="AP7" s="12"/>
      <c r="AQ7" s="12"/>
      <c r="AR7" s="12"/>
      <c r="AS7" s="13"/>
      <c r="AT7" s="14"/>
      <c r="AU7" s="14"/>
      <c r="AV7" s="14"/>
      <c r="AW7" s="14"/>
      <c r="AX7" s="14"/>
    </row>
    <row r="8" spans="1:50" s="15" customFormat="1" ht="42.75" customHeight="1" x14ac:dyDescent="0.65">
      <c r="A8" s="5" t="s">
        <v>57</v>
      </c>
      <c r="B8" s="6" t="s">
        <v>58</v>
      </c>
      <c r="C8" s="7" t="s">
        <v>5</v>
      </c>
      <c r="D8" s="6" t="s">
        <v>59</v>
      </c>
      <c r="E8" s="7" t="s">
        <v>60</v>
      </c>
      <c r="F8" s="9" t="s">
        <v>61</v>
      </c>
      <c r="G8" s="9" t="s">
        <v>62</v>
      </c>
      <c r="H8" s="10" t="s">
        <v>63</v>
      </c>
      <c r="I8" s="10" t="s">
        <v>64</v>
      </c>
      <c r="J8" s="11"/>
      <c r="K8" s="11" t="s">
        <v>7</v>
      </c>
      <c r="L8" s="11" t="s">
        <v>75</v>
      </c>
      <c r="M8" s="11" t="s">
        <v>12</v>
      </c>
      <c r="N8" s="8" t="s">
        <v>80</v>
      </c>
      <c r="O8" s="12" t="s">
        <v>3</v>
      </c>
      <c r="P8" s="12" t="s">
        <v>4</v>
      </c>
      <c r="Q8" s="12" t="s">
        <v>66</v>
      </c>
      <c r="R8" s="12" t="s">
        <v>66</v>
      </c>
      <c r="S8" s="12" t="s">
        <v>66</v>
      </c>
      <c r="T8" s="12" t="s">
        <v>66</v>
      </c>
      <c r="U8" s="12" t="s">
        <v>66</v>
      </c>
      <c r="V8" s="12" t="s">
        <v>66</v>
      </c>
      <c r="W8" s="12" t="s">
        <v>66</v>
      </c>
      <c r="X8" s="12" t="s">
        <v>66</v>
      </c>
      <c r="Y8" s="12" t="s">
        <v>66</v>
      </c>
      <c r="Z8" s="12" t="s">
        <v>66</v>
      </c>
      <c r="AA8" s="12" t="s">
        <v>66</v>
      </c>
      <c r="AB8" s="12" t="s">
        <v>66</v>
      </c>
      <c r="AC8" s="12" t="s">
        <v>66</v>
      </c>
      <c r="AD8" s="12" t="s">
        <v>66</v>
      </c>
      <c r="AE8" s="12" t="s">
        <v>66</v>
      </c>
      <c r="AF8" s="12" t="s">
        <v>66</v>
      </c>
      <c r="AG8" s="12" t="s">
        <v>66</v>
      </c>
      <c r="AH8" s="12" t="s">
        <v>66</v>
      </c>
      <c r="AI8" s="12" t="s">
        <v>66</v>
      </c>
      <c r="AJ8" s="12" t="s">
        <v>66</v>
      </c>
      <c r="AK8" s="12" t="s">
        <v>66</v>
      </c>
      <c r="AL8" s="12" t="s">
        <v>66</v>
      </c>
      <c r="AM8" s="12" t="s">
        <v>66</v>
      </c>
      <c r="AN8" s="12" t="s">
        <v>72</v>
      </c>
      <c r="AO8" s="12"/>
      <c r="AP8" s="12"/>
      <c r="AQ8" s="12"/>
      <c r="AR8" s="12"/>
      <c r="AS8" s="13"/>
      <c r="AT8" s="14"/>
      <c r="AU8" s="14"/>
      <c r="AV8" s="14"/>
      <c r="AW8" s="14"/>
      <c r="AX8" s="14"/>
    </row>
    <row r="9" spans="1:50" s="15" customFormat="1" ht="42.75" customHeight="1" x14ac:dyDescent="0.65">
      <c r="A9" s="5" t="s">
        <v>57</v>
      </c>
      <c r="B9" s="6" t="s">
        <v>58</v>
      </c>
      <c r="C9" s="7" t="s">
        <v>5</v>
      </c>
      <c r="D9" s="6" t="s">
        <v>59</v>
      </c>
      <c r="E9" s="7" t="s">
        <v>60</v>
      </c>
      <c r="F9" s="9" t="s">
        <v>61</v>
      </c>
      <c r="G9" s="9" t="s">
        <v>62</v>
      </c>
      <c r="H9" s="10" t="s">
        <v>63</v>
      </c>
      <c r="I9" s="10" t="s">
        <v>64</v>
      </c>
      <c r="J9" s="11" t="s">
        <v>57</v>
      </c>
      <c r="K9" s="11" t="s">
        <v>7</v>
      </c>
      <c r="L9" s="11" t="s">
        <v>75</v>
      </c>
      <c r="M9" s="11" t="s">
        <v>12</v>
      </c>
      <c r="N9" s="8" t="s">
        <v>81</v>
      </c>
      <c r="O9" s="12" t="s">
        <v>3</v>
      </c>
      <c r="P9" s="12" t="s">
        <v>4</v>
      </c>
      <c r="Q9" s="12" t="s">
        <v>66</v>
      </c>
      <c r="R9" s="12" t="s">
        <v>66</v>
      </c>
      <c r="S9" s="12" t="s">
        <v>66</v>
      </c>
      <c r="T9" s="12" t="s">
        <v>66</v>
      </c>
      <c r="U9" s="12" t="s">
        <v>66</v>
      </c>
      <c r="V9" s="12" t="s">
        <v>66</v>
      </c>
      <c r="W9" s="12" t="s">
        <v>66</v>
      </c>
      <c r="X9" s="12" t="s">
        <v>66</v>
      </c>
      <c r="Y9" s="12" t="s">
        <v>66</v>
      </c>
      <c r="Z9" s="12" t="s">
        <v>66</v>
      </c>
      <c r="AA9" s="12" t="s">
        <v>66</v>
      </c>
      <c r="AB9" s="12" t="s">
        <v>66</v>
      </c>
      <c r="AC9" s="12" t="s">
        <v>66</v>
      </c>
      <c r="AD9" s="12" t="s">
        <v>66</v>
      </c>
      <c r="AE9" s="12" t="s">
        <v>66</v>
      </c>
      <c r="AF9" s="12" t="s">
        <v>66</v>
      </c>
      <c r="AG9" s="12" t="s">
        <v>66</v>
      </c>
      <c r="AH9" s="12" t="s">
        <v>66</v>
      </c>
      <c r="AI9" s="12" t="s">
        <v>66</v>
      </c>
      <c r="AJ9" s="12" t="s">
        <v>66</v>
      </c>
      <c r="AK9" s="12" t="s">
        <v>66</v>
      </c>
      <c r="AL9" s="12" t="s">
        <v>66</v>
      </c>
      <c r="AM9" s="12" t="s">
        <v>66</v>
      </c>
      <c r="AN9" s="12" t="s">
        <v>72</v>
      </c>
      <c r="AO9" s="12"/>
      <c r="AP9" s="12"/>
      <c r="AQ9" s="12"/>
      <c r="AR9" s="12"/>
      <c r="AS9" s="13"/>
      <c r="AT9" s="14"/>
      <c r="AU9" s="14"/>
      <c r="AV9" s="14"/>
      <c r="AW9" s="14"/>
      <c r="AX9" s="14"/>
    </row>
    <row r="10" spans="1:50" s="15" customFormat="1" ht="42.75" customHeight="1" x14ac:dyDescent="0.65">
      <c r="A10" s="5" t="s">
        <v>57</v>
      </c>
      <c r="B10" s="6" t="s">
        <v>58</v>
      </c>
      <c r="C10" s="7" t="s">
        <v>5</v>
      </c>
      <c r="D10" s="6" t="s">
        <v>59</v>
      </c>
      <c r="E10" s="7" t="s">
        <v>60</v>
      </c>
      <c r="F10" s="9" t="s">
        <v>61</v>
      </c>
      <c r="G10" s="9" t="s">
        <v>62</v>
      </c>
      <c r="H10" s="10" t="s">
        <v>63</v>
      </c>
      <c r="I10" s="10" t="s">
        <v>64</v>
      </c>
      <c r="J10" s="11" t="s">
        <v>57</v>
      </c>
      <c r="K10" s="11" t="s">
        <v>7</v>
      </c>
      <c r="L10" s="11" t="s">
        <v>75</v>
      </c>
      <c r="M10" s="11" t="s">
        <v>13</v>
      </c>
      <c r="N10" s="8" t="s">
        <v>82</v>
      </c>
      <c r="O10" s="12" t="s">
        <v>3</v>
      </c>
      <c r="P10" s="12" t="s">
        <v>4</v>
      </c>
      <c r="Q10" s="12" t="s">
        <v>66</v>
      </c>
      <c r="R10" s="12" t="s">
        <v>66</v>
      </c>
      <c r="S10" s="12" t="s">
        <v>66</v>
      </c>
      <c r="T10" s="12" t="s">
        <v>66</v>
      </c>
      <c r="U10" s="12" t="s">
        <v>66</v>
      </c>
      <c r="V10" s="12" t="s">
        <v>66</v>
      </c>
      <c r="W10" s="12" t="s">
        <v>66</v>
      </c>
      <c r="X10" s="12" t="s">
        <v>66</v>
      </c>
      <c r="Y10" s="12" t="s">
        <v>66</v>
      </c>
      <c r="Z10" s="12" t="s">
        <v>66</v>
      </c>
      <c r="AA10" s="12" t="s">
        <v>66</v>
      </c>
      <c r="AB10" s="12" t="s">
        <v>66</v>
      </c>
      <c r="AC10" s="12" t="s">
        <v>66</v>
      </c>
      <c r="AD10" s="12" t="s">
        <v>66</v>
      </c>
      <c r="AE10" s="12" t="s">
        <v>66</v>
      </c>
      <c r="AF10" s="12" t="s">
        <v>66</v>
      </c>
      <c r="AG10" s="12" t="s">
        <v>66</v>
      </c>
      <c r="AH10" s="12" t="s">
        <v>66</v>
      </c>
      <c r="AI10" s="12" t="s">
        <v>66</v>
      </c>
      <c r="AJ10" s="12" t="s">
        <v>66</v>
      </c>
      <c r="AK10" s="12" t="s">
        <v>66</v>
      </c>
      <c r="AL10" s="12" t="s">
        <v>66</v>
      </c>
      <c r="AM10" s="12" t="s">
        <v>66</v>
      </c>
      <c r="AN10" s="12" t="s">
        <v>72</v>
      </c>
      <c r="AO10" s="12"/>
      <c r="AP10" s="12"/>
      <c r="AQ10" s="12"/>
      <c r="AR10" s="12"/>
      <c r="AS10" s="13"/>
      <c r="AT10" s="14"/>
      <c r="AU10" s="14"/>
      <c r="AV10" s="14"/>
      <c r="AW10" s="14"/>
      <c r="AX10" s="14"/>
    </row>
    <row r="11" spans="1:50" s="15" customFormat="1" ht="42.75" customHeight="1" x14ac:dyDescent="0.65">
      <c r="A11" s="5" t="s">
        <v>57</v>
      </c>
      <c r="B11" s="6" t="s">
        <v>58</v>
      </c>
      <c r="C11" s="7" t="s">
        <v>5</v>
      </c>
      <c r="D11" s="6" t="s">
        <v>59</v>
      </c>
      <c r="E11" s="7" t="s">
        <v>60</v>
      </c>
      <c r="F11" s="9" t="s">
        <v>61</v>
      </c>
      <c r="G11" s="9" t="s">
        <v>62</v>
      </c>
      <c r="H11" s="10" t="s">
        <v>63</v>
      </c>
      <c r="I11" s="10" t="s">
        <v>64</v>
      </c>
      <c r="J11" s="11" t="s">
        <v>57</v>
      </c>
      <c r="K11" s="11" t="s">
        <v>7</v>
      </c>
      <c r="L11" s="11" t="s">
        <v>70</v>
      </c>
      <c r="M11" s="11" t="s">
        <v>14</v>
      </c>
      <c r="N11" s="8" t="s">
        <v>83</v>
      </c>
      <c r="O11" s="12" t="s">
        <v>3</v>
      </c>
      <c r="P11" s="12" t="s">
        <v>4</v>
      </c>
      <c r="Q11" s="12" t="s">
        <v>66</v>
      </c>
      <c r="R11" s="12" t="s">
        <v>66</v>
      </c>
      <c r="S11" s="12" t="s">
        <v>66</v>
      </c>
      <c r="T11" s="12" t="s">
        <v>66</v>
      </c>
      <c r="U11" s="12" t="s">
        <v>66</v>
      </c>
      <c r="V11" s="12" t="s">
        <v>66</v>
      </c>
      <c r="W11" s="12" t="s">
        <v>66</v>
      </c>
      <c r="X11" s="12" t="s">
        <v>66</v>
      </c>
      <c r="Y11" s="12" t="s">
        <v>66</v>
      </c>
      <c r="Z11" s="12" t="s">
        <v>66</v>
      </c>
      <c r="AA11" s="12" t="s">
        <v>66</v>
      </c>
      <c r="AB11" s="12" t="s">
        <v>66</v>
      </c>
      <c r="AC11" s="12" t="s">
        <v>66</v>
      </c>
      <c r="AD11" s="12" t="s">
        <v>66</v>
      </c>
      <c r="AE11" s="12" t="s">
        <v>66</v>
      </c>
      <c r="AF11" s="12" t="s">
        <v>66</v>
      </c>
      <c r="AG11" s="12" t="s">
        <v>66</v>
      </c>
      <c r="AH11" s="12" t="s">
        <v>66</v>
      </c>
      <c r="AI11" s="12" t="s">
        <v>66</v>
      </c>
      <c r="AJ11" s="12" t="s">
        <v>66</v>
      </c>
      <c r="AK11" s="12" t="s">
        <v>66</v>
      </c>
      <c r="AL11" s="12" t="s">
        <v>66</v>
      </c>
      <c r="AM11" s="12" t="s">
        <v>66</v>
      </c>
      <c r="AN11" s="12" t="s">
        <v>72</v>
      </c>
      <c r="AO11" s="12"/>
      <c r="AP11" s="12"/>
      <c r="AQ11" s="12"/>
      <c r="AR11" s="12"/>
      <c r="AS11" s="13"/>
      <c r="AT11" s="14"/>
      <c r="AU11" s="14"/>
      <c r="AV11" s="14"/>
      <c r="AW11" s="14"/>
      <c r="AX11" s="14"/>
    </row>
    <row r="12" spans="1:50" s="15" customFormat="1" ht="42.75" customHeight="1" x14ac:dyDescent="0.65">
      <c r="A12" s="5" t="s">
        <v>57</v>
      </c>
      <c r="B12" s="6" t="s">
        <v>58</v>
      </c>
      <c r="C12" s="7" t="s">
        <v>5</v>
      </c>
      <c r="D12" s="6" t="s">
        <v>59</v>
      </c>
      <c r="E12" s="7" t="s">
        <v>60</v>
      </c>
      <c r="F12" s="9" t="s">
        <v>61</v>
      </c>
      <c r="G12" s="9" t="s">
        <v>62</v>
      </c>
      <c r="H12" s="10" t="s">
        <v>63</v>
      </c>
      <c r="I12" s="10" t="s">
        <v>64</v>
      </c>
      <c r="J12" s="11" t="s">
        <v>57</v>
      </c>
      <c r="K12" s="11" t="s">
        <v>7</v>
      </c>
      <c r="L12" s="11" t="s">
        <v>84</v>
      </c>
      <c r="M12" s="11" t="s">
        <v>15</v>
      </c>
      <c r="N12" s="8" t="s">
        <v>85</v>
      </c>
      <c r="O12" s="12" t="s">
        <v>3</v>
      </c>
      <c r="P12" s="12" t="s">
        <v>4</v>
      </c>
      <c r="Q12" s="12" t="s">
        <v>66</v>
      </c>
      <c r="R12" s="12" t="s">
        <v>66</v>
      </c>
      <c r="S12" s="12" t="s">
        <v>66</v>
      </c>
      <c r="T12" s="12" t="s">
        <v>66</v>
      </c>
      <c r="U12" s="12" t="s">
        <v>66</v>
      </c>
      <c r="V12" s="12" t="s">
        <v>66</v>
      </c>
      <c r="W12" s="12" t="s">
        <v>66</v>
      </c>
      <c r="X12" s="12" t="s">
        <v>66</v>
      </c>
      <c r="Y12" s="12" t="s">
        <v>66</v>
      </c>
      <c r="Z12" s="12" t="s">
        <v>66</v>
      </c>
      <c r="AA12" s="12" t="s">
        <v>66</v>
      </c>
      <c r="AB12" s="12" t="s">
        <v>66</v>
      </c>
      <c r="AC12" s="12" t="s">
        <v>66</v>
      </c>
      <c r="AD12" s="12" t="s">
        <v>66</v>
      </c>
      <c r="AE12" s="12" t="s">
        <v>66</v>
      </c>
      <c r="AF12" s="12" t="s">
        <v>66</v>
      </c>
      <c r="AG12" s="12" t="s">
        <v>66</v>
      </c>
      <c r="AH12" s="12" t="s">
        <v>66</v>
      </c>
      <c r="AI12" s="12" t="s">
        <v>66</v>
      </c>
      <c r="AJ12" s="12" t="s">
        <v>66</v>
      </c>
      <c r="AK12" s="12" t="s">
        <v>66</v>
      </c>
      <c r="AL12" s="12" t="s">
        <v>66</v>
      </c>
      <c r="AM12" s="12" t="s">
        <v>66</v>
      </c>
      <c r="AN12" s="12" t="s">
        <v>72</v>
      </c>
      <c r="AO12" s="12"/>
      <c r="AP12" s="12"/>
      <c r="AQ12" s="12"/>
      <c r="AR12" s="12"/>
      <c r="AS12" s="13"/>
      <c r="AT12" s="14"/>
      <c r="AU12" s="14"/>
      <c r="AV12" s="14"/>
      <c r="AW12" s="14"/>
      <c r="AX12" s="14"/>
    </row>
    <row r="13" spans="1:50" s="15" customFormat="1" ht="42.75" customHeight="1" x14ac:dyDescent="0.65">
      <c r="A13" s="5" t="s">
        <v>57</v>
      </c>
      <c r="B13" s="6" t="s">
        <v>58</v>
      </c>
      <c r="C13" s="7" t="s">
        <v>5</v>
      </c>
      <c r="D13" s="6" t="s">
        <v>59</v>
      </c>
      <c r="E13" s="7" t="s">
        <v>60</v>
      </c>
      <c r="F13" s="9" t="s">
        <v>61</v>
      </c>
      <c r="G13" s="9" t="s">
        <v>62</v>
      </c>
      <c r="H13" s="10" t="s">
        <v>63</v>
      </c>
      <c r="I13" s="10" t="s">
        <v>64</v>
      </c>
      <c r="J13" s="11" t="s">
        <v>57</v>
      </c>
      <c r="K13" s="11" t="s">
        <v>7</v>
      </c>
      <c r="L13" s="11" t="s">
        <v>70</v>
      </c>
      <c r="M13" s="11" t="s">
        <v>16</v>
      </c>
      <c r="N13" s="8" t="s">
        <v>86</v>
      </c>
      <c r="O13" s="12" t="s">
        <v>3</v>
      </c>
      <c r="P13" s="12" t="s">
        <v>4</v>
      </c>
      <c r="Q13" s="12" t="s">
        <v>66</v>
      </c>
      <c r="R13" s="12" t="s">
        <v>66</v>
      </c>
      <c r="S13" s="12" t="s">
        <v>66</v>
      </c>
      <c r="T13" s="12" t="s">
        <v>66</v>
      </c>
      <c r="U13" s="12" t="s">
        <v>66</v>
      </c>
      <c r="V13" s="12" t="s">
        <v>66</v>
      </c>
      <c r="W13" s="12" t="s">
        <v>66</v>
      </c>
      <c r="X13" s="12" t="s">
        <v>66</v>
      </c>
      <c r="Y13" s="12" t="s">
        <v>66</v>
      </c>
      <c r="Z13" s="12" t="s">
        <v>66</v>
      </c>
      <c r="AA13" s="12" t="s">
        <v>66</v>
      </c>
      <c r="AB13" s="12" t="s">
        <v>66</v>
      </c>
      <c r="AC13" s="12" t="s">
        <v>66</v>
      </c>
      <c r="AD13" s="12" t="s">
        <v>66</v>
      </c>
      <c r="AE13" s="12" t="s">
        <v>66</v>
      </c>
      <c r="AF13" s="12" t="s">
        <v>66</v>
      </c>
      <c r="AG13" s="12" t="s">
        <v>66</v>
      </c>
      <c r="AH13" s="12" t="s">
        <v>66</v>
      </c>
      <c r="AI13" s="12" t="s">
        <v>66</v>
      </c>
      <c r="AJ13" s="12" t="s">
        <v>66</v>
      </c>
      <c r="AK13" s="12" t="s">
        <v>66</v>
      </c>
      <c r="AL13" s="12" t="s">
        <v>66</v>
      </c>
      <c r="AM13" s="12" t="s">
        <v>66</v>
      </c>
      <c r="AN13" s="12"/>
      <c r="AO13" s="12"/>
      <c r="AP13" s="12"/>
      <c r="AQ13" s="12"/>
      <c r="AR13" s="12"/>
      <c r="AS13" s="13"/>
      <c r="AT13" s="14"/>
      <c r="AU13" s="14"/>
      <c r="AV13" s="14"/>
      <c r="AW13" s="14"/>
      <c r="AX13" s="14"/>
    </row>
    <row r="14" spans="1:50" s="15" customFormat="1" ht="42.75" customHeight="1" x14ac:dyDescent="0.65">
      <c r="A14" s="16">
        <v>3410207892</v>
      </c>
      <c r="B14" s="17" t="s">
        <v>542</v>
      </c>
      <c r="C14" s="17" t="s">
        <v>543</v>
      </c>
      <c r="D14" s="17" t="s">
        <v>544</v>
      </c>
      <c r="E14" s="7" t="s">
        <v>545</v>
      </c>
      <c r="F14" s="18" t="s">
        <v>546</v>
      </c>
      <c r="G14" s="18" t="s">
        <v>547</v>
      </c>
      <c r="H14" s="19" t="s">
        <v>548</v>
      </c>
      <c r="I14" s="18" t="s">
        <v>549</v>
      </c>
      <c r="J14" s="18" t="s">
        <v>550</v>
      </c>
      <c r="K14" s="20" t="s">
        <v>0</v>
      </c>
      <c r="L14" s="21" t="s">
        <v>1</v>
      </c>
      <c r="M14" s="20" t="s">
        <v>551</v>
      </c>
      <c r="N14" s="22" t="s">
        <v>552</v>
      </c>
      <c r="O14" s="12" t="s">
        <v>4</v>
      </c>
      <c r="P14" s="12"/>
      <c r="Q14" s="18" t="s">
        <v>4</v>
      </c>
      <c r="R14" s="18"/>
      <c r="S14" s="18"/>
      <c r="T14" s="18"/>
      <c r="U14" s="18"/>
      <c r="V14" s="18"/>
      <c r="W14" s="18"/>
      <c r="X14" s="18"/>
      <c r="Y14" s="18"/>
      <c r="Z14" s="18"/>
      <c r="AA14" s="18"/>
      <c r="AB14" s="18"/>
      <c r="AC14" s="18"/>
      <c r="AD14" s="18"/>
      <c r="AE14" s="18"/>
      <c r="AF14" s="18"/>
      <c r="AG14" s="18"/>
      <c r="AH14" s="18"/>
      <c r="AI14" s="18"/>
      <c r="AJ14" s="18"/>
      <c r="AK14" s="18"/>
      <c r="AL14" s="18"/>
      <c r="AM14" s="18"/>
      <c r="AN14" s="18"/>
      <c r="AO14" s="18" t="s">
        <v>553</v>
      </c>
      <c r="AP14" s="18" t="s">
        <v>554</v>
      </c>
      <c r="AQ14" s="18" t="s">
        <v>555</v>
      </c>
      <c r="AR14" s="18" t="s">
        <v>556</v>
      </c>
      <c r="AS14" s="23" t="s">
        <v>557</v>
      </c>
      <c r="AT14" s="14"/>
      <c r="AU14" s="14"/>
      <c r="AV14" s="14"/>
      <c r="AW14" s="14"/>
      <c r="AX14" s="14"/>
    </row>
    <row r="15" spans="1:50" s="15" customFormat="1" ht="42.75" customHeight="1" x14ac:dyDescent="0.65">
      <c r="A15" s="16">
        <v>3410207892</v>
      </c>
      <c r="B15" s="17" t="s">
        <v>542</v>
      </c>
      <c r="C15" s="17" t="s">
        <v>543</v>
      </c>
      <c r="D15" s="17" t="s">
        <v>544</v>
      </c>
      <c r="E15" s="7" t="s">
        <v>545</v>
      </c>
      <c r="F15" s="18" t="s">
        <v>546</v>
      </c>
      <c r="G15" s="18" t="s">
        <v>547</v>
      </c>
      <c r="H15" s="19" t="s">
        <v>548</v>
      </c>
      <c r="I15" s="18" t="s">
        <v>549</v>
      </c>
      <c r="J15" s="18"/>
      <c r="K15" s="20" t="s">
        <v>0</v>
      </c>
      <c r="L15" s="21" t="s">
        <v>558</v>
      </c>
      <c r="M15" s="20" t="s">
        <v>521</v>
      </c>
      <c r="N15" s="22" t="s">
        <v>559</v>
      </c>
      <c r="O15" s="12" t="s">
        <v>4</v>
      </c>
      <c r="P15" s="12"/>
      <c r="Q15" s="18" t="s">
        <v>4</v>
      </c>
      <c r="R15" s="18"/>
      <c r="S15" s="18"/>
      <c r="T15" s="18"/>
      <c r="U15" s="18"/>
      <c r="V15" s="18"/>
      <c r="W15" s="18"/>
      <c r="X15" s="18"/>
      <c r="Y15" s="18"/>
      <c r="Z15" s="18"/>
      <c r="AA15" s="18"/>
      <c r="AB15" s="18"/>
      <c r="AC15" s="18"/>
      <c r="AD15" s="18"/>
      <c r="AE15" s="18"/>
      <c r="AF15" s="18"/>
      <c r="AG15" s="18"/>
      <c r="AH15" s="18"/>
      <c r="AI15" s="18"/>
      <c r="AJ15" s="18"/>
      <c r="AK15" s="18"/>
      <c r="AL15" s="18"/>
      <c r="AM15" s="18"/>
      <c r="AN15" s="18"/>
      <c r="AO15" s="18" t="s">
        <v>553</v>
      </c>
      <c r="AP15" s="18" t="s">
        <v>554</v>
      </c>
      <c r="AQ15" s="18" t="s">
        <v>560</v>
      </c>
      <c r="AR15" s="18" t="s">
        <v>556</v>
      </c>
      <c r="AS15" s="23" t="s">
        <v>557</v>
      </c>
      <c r="AT15" s="14"/>
      <c r="AU15" s="14"/>
      <c r="AV15" s="14"/>
      <c r="AW15" s="14"/>
      <c r="AX15" s="14"/>
    </row>
    <row r="16" spans="1:50" s="15" customFormat="1" ht="42.75" customHeight="1" x14ac:dyDescent="0.65">
      <c r="A16" s="16">
        <v>3410207892</v>
      </c>
      <c r="B16" s="17" t="s">
        <v>542</v>
      </c>
      <c r="C16" s="17" t="s">
        <v>543</v>
      </c>
      <c r="D16" s="17" t="s">
        <v>544</v>
      </c>
      <c r="E16" s="7" t="s">
        <v>545</v>
      </c>
      <c r="F16" s="18" t="s">
        <v>546</v>
      </c>
      <c r="G16" s="18" t="s">
        <v>547</v>
      </c>
      <c r="H16" s="19" t="s">
        <v>548</v>
      </c>
      <c r="I16" s="18" t="s">
        <v>549</v>
      </c>
      <c r="J16" s="18" t="s">
        <v>550</v>
      </c>
      <c r="K16" s="20" t="s">
        <v>0</v>
      </c>
      <c r="L16" s="21" t="s">
        <v>561</v>
      </c>
      <c r="M16" s="20" t="s">
        <v>561</v>
      </c>
      <c r="N16" s="22" t="s">
        <v>562</v>
      </c>
      <c r="O16" s="12" t="s">
        <v>4</v>
      </c>
      <c r="P16" s="12"/>
      <c r="Q16" s="18" t="s">
        <v>4</v>
      </c>
      <c r="R16" s="18"/>
      <c r="S16" s="18"/>
      <c r="T16" s="18"/>
      <c r="U16" s="18"/>
      <c r="V16" s="18"/>
      <c r="W16" s="18"/>
      <c r="X16" s="18"/>
      <c r="Y16" s="18"/>
      <c r="Z16" s="18"/>
      <c r="AA16" s="18"/>
      <c r="AB16" s="18"/>
      <c r="AC16" s="18"/>
      <c r="AD16" s="18"/>
      <c r="AE16" s="18"/>
      <c r="AF16" s="18"/>
      <c r="AG16" s="18"/>
      <c r="AH16" s="18"/>
      <c r="AI16" s="18"/>
      <c r="AJ16" s="18"/>
      <c r="AK16" s="18"/>
      <c r="AL16" s="18"/>
      <c r="AM16" s="18"/>
      <c r="AN16" s="18"/>
      <c r="AO16" s="18" t="s">
        <v>553</v>
      </c>
      <c r="AP16" s="18" t="s">
        <v>563</v>
      </c>
      <c r="AQ16" s="18" t="s">
        <v>564</v>
      </c>
      <c r="AR16" s="18" t="s">
        <v>556</v>
      </c>
      <c r="AS16" s="23" t="s">
        <v>565</v>
      </c>
      <c r="AT16" s="14"/>
      <c r="AU16" s="14"/>
      <c r="AV16" s="14"/>
      <c r="AW16" s="14"/>
      <c r="AX16" s="14"/>
    </row>
    <row r="17" spans="1:50" s="15" customFormat="1" ht="42.75" customHeight="1" x14ac:dyDescent="0.65">
      <c r="A17" s="16">
        <v>3410207892</v>
      </c>
      <c r="B17" s="17" t="s">
        <v>542</v>
      </c>
      <c r="C17" s="17" t="s">
        <v>543</v>
      </c>
      <c r="D17" s="17" t="s">
        <v>544</v>
      </c>
      <c r="E17" s="7" t="s">
        <v>545</v>
      </c>
      <c r="F17" s="18" t="s">
        <v>546</v>
      </c>
      <c r="G17" s="18" t="s">
        <v>547</v>
      </c>
      <c r="H17" s="19" t="s">
        <v>548</v>
      </c>
      <c r="I17" s="18" t="s">
        <v>549</v>
      </c>
      <c r="J17" s="18" t="s">
        <v>550</v>
      </c>
      <c r="K17" s="20" t="s">
        <v>0</v>
      </c>
      <c r="L17" s="21" t="s">
        <v>561</v>
      </c>
      <c r="M17" s="20" t="s">
        <v>561</v>
      </c>
      <c r="N17" s="22" t="s">
        <v>566</v>
      </c>
      <c r="O17" s="12" t="s">
        <v>4</v>
      </c>
      <c r="P17" s="12"/>
      <c r="Q17" s="18" t="s">
        <v>4</v>
      </c>
      <c r="R17" s="18"/>
      <c r="S17" s="18"/>
      <c r="T17" s="18"/>
      <c r="U17" s="18"/>
      <c r="V17" s="18"/>
      <c r="W17" s="18"/>
      <c r="X17" s="18"/>
      <c r="Y17" s="18"/>
      <c r="Z17" s="18"/>
      <c r="AA17" s="18"/>
      <c r="AB17" s="18"/>
      <c r="AC17" s="18"/>
      <c r="AD17" s="18"/>
      <c r="AE17" s="18"/>
      <c r="AF17" s="18"/>
      <c r="AG17" s="18"/>
      <c r="AH17" s="18"/>
      <c r="AI17" s="18"/>
      <c r="AJ17" s="18"/>
      <c r="AK17" s="18"/>
      <c r="AL17" s="18"/>
      <c r="AM17" s="18"/>
      <c r="AN17" s="18"/>
      <c r="AO17" s="18" t="s">
        <v>553</v>
      </c>
      <c r="AP17" s="18" t="s">
        <v>567</v>
      </c>
      <c r="AQ17" s="18" t="s">
        <v>568</v>
      </c>
      <c r="AR17" s="18" t="s">
        <v>569</v>
      </c>
      <c r="AS17" s="23" t="s">
        <v>570</v>
      </c>
      <c r="AT17" s="14"/>
      <c r="AU17" s="14"/>
      <c r="AV17" s="14"/>
      <c r="AW17" s="14"/>
      <c r="AX17" s="14"/>
    </row>
    <row r="18" spans="1:50" s="15" customFormat="1" ht="42.75" customHeight="1" x14ac:dyDescent="0.65">
      <c r="A18" s="16">
        <v>3410207892</v>
      </c>
      <c r="B18" s="17" t="s">
        <v>542</v>
      </c>
      <c r="C18" s="17" t="s">
        <v>543</v>
      </c>
      <c r="D18" s="17" t="s">
        <v>544</v>
      </c>
      <c r="E18" s="7" t="s">
        <v>545</v>
      </c>
      <c r="F18" s="18" t="s">
        <v>546</v>
      </c>
      <c r="G18" s="18" t="s">
        <v>547</v>
      </c>
      <c r="H18" s="19" t="s">
        <v>548</v>
      </c>
      <c r="I18" s="18" t="s">
        <v>549</v>
      </c>
      <c r="J18" s="18"/>
      <c r="K18" s="20" t="s">
        <v>0</v>
      </c>
      <c r="L18" s="21" t="s">
        <v>1</v>
      </c>
      <c r="M18" s="20" t="s">
        <v>65</v>
      </c>
      <c r="N18" s="22" t="s">
        <v>571</v>
      </c>
      <c r="O18" s="12" t="s">
        <v>4</v>
      </c>
      <c r="P18" s="12"/>
      <c r="Q18" s="18" t="s">
        <v>4</v>
      </c>
      <c r="R18" s="18"/>
      <c r="S18" s="18"/>
      <c r="T18" s="18"/>
      <c r="U18" s="18"/>
      <c r="V18" s="18"/>
      <c r="W18" s="18"/>
      <c r="X18" s="18"/>
      <c r="Y18" s="18"/>
      <c r="Z18" s="18"/>
      <c r="AA18" s="18"/>
      <c r="AB18" s="18"/>
      <c r="AC18" s="18"/>
      <c r="AD18" s="18"/>
      <c r="AE18" s="18"/>
      <c r="AF18" s="18"/>
      <c r="AG18" s="18"/>
      <c r="AH18" s="18"/>
      <c r="AI18" s="18"/>
      <c r="AJ18" s="18"/>
      <c r="AK18" s="18"/>
      <c r="AL18" s="18"/>
      <c r="AM18" s="18"/>
      <c r="AN18" s="18"/>
      <c r="AO18" s="18" t="s">
        <v>553</v>
      </c>
      <c r="AP18" s="18" t="s">
        <v>554</v>
      </c>
      <c r="AQ18" s="18" t="s">
        <v>572</v>
      </c>
      <c r="AR18" s="18" t="s">
        <v>556</v>
      </c>
      <c r="AS18" s="23" t="s">
        <v>573</v>
      </c>
      <c r="AT18" s="14"/>
      <c r="AU18" s="14"/>
      <c r="AV18" s="14"/>
      <c r="AW18" s="14"/>
      <c r="AX18" s="14"/>
    </row>
    <row r="19" spans="1:50" s="15" customFormat="1" ht="42.75" customHeight="1" x14ac:dyDescent="0.65">
      <c r="A19" s="7" t="s">
        <v>574</v>
      </c>
      <c r="B19" s="17" t="s">
        <v>542</v>
      </c>
      <c r="C19" s="17" t="s">
        <v>575</v>
      </c>
      <c r="D19" s="17" t="s">
        <v>576</v>
      </c>
      <c r="E19" s="7" t="s">
        <v>577</v>
      </c>
      <c r="F19" s="18" t="s">
        <v>578</v>
      </c>
      <c r="G19" s="18" t="s">
        <v>579</v>
      </c>
      <c r="H19" s="19" t="s">
        <v>548</v>
      </c>
      <c r="I19" s="18" t="s">
        <v>580</v>
      </c>
      <c r="J19" s="18"/>
      <c r="K19" s="20" t="s">
        <v>0</v>
      </c>
      <c r="L19" s="21" t="s">
        <v>558</v>
      </c>
      <c r="M19" s="20" t="s">
        <v>70</v>
      </c>
      <c r="N19" s="22" t="s">
        <v>581</v>
      </c>
      <c r="O19" s="12" t="s">
        <v>4</v>
      </c>
      <c r="P19" s="12"/>
      <c r="Q19" s="18" t="s">
        <v>4</v>
      </c>
      <c r="R19" s="18" t="s">
        <v>4</v>
      </c>
      <c r="S19" s="18" t="s">
        <v>4</v>
      </c>
      <c r="T19" s="18" t="s">
        <v>4</v>
      </c>
      <c r="U19" s="18" t="s">
        <v>4</v>
      </c>
      <c r="V19" s="18" t="s">
        <v>4</v>
      </c>
      <c r="W19" s="18" t="s">
        <v>4</v>
      </c>
      <c r="X19" s="18" t="s">
        <v>4</v>
      </c>
      <c r="Y19" s="18" t="s">
        <v>4</v>
      </c>
      <c r="Z19" s="18" t="s">
        <v>4</v>
      </c>
      <c r="AA19" s="18" t="s">
        <v>4</v>
      </c>
      <c r="AB19" s="18" t="s">
        <v>4</v>
      </c>
      <c r="AC19" s="18" t="s">
        <v>4</v>
      </c>
      <c r="AD19" s="18" t="s">
        <v>4</v>
      </c>
      <c r="AE19" s="18" t="s">
        <v>4</v>
      </c>
      <c r="AF19" s="18" t="s">
        <v>4</v>
      </c>
      <c r="AG19" s="18" t="s">
        <v>4</v>
      </c>
      <c r="AH19" s="18" t="s">
        <v>4</v>
      </c>
      <c r="AI19" s="18" t="s">
        <v>4</v>
      </c>
      <c r="AJ19" s="18" t="s">
        <v>4</v>
      </c>
      <c r="AK19" s="18" t="s">
        <v>4</v>
      </c>
      <c r="AL19" s="18" t="s">
        <v>4</v>
      </c>
      <c r="AM19" s="18" t="s">
        <v>4</v>
      </c>
      <c r="AN19" s="18" t="s">
        <v>4</v>
      </c>
      <c r="AO19" s="18" t="s">
        <v>582</v>
      </c>
      <c r="AP19" s="18" t="s">
        <v>583</v>
      </c>
      <c r="AQ19" s="18" t="s">
        <v>583</v>
      </c>
      <c r="AR19" s="18" t="s">
        <v>583</v>
      </c>
      <c r="AS19" s="23"/>
      <c r="AT19" s="14"/>
      <c r="AU19" s="14"/>
      <c r="AV19" s="14"/>
      <c r="AW19" s="14"/>
      <c r="AX19" s="14"/>
    </row>
    <row r="20" spans="1:50" s="15" customFormat="1" ht="42.75" customHeight="1" x14ac:dyDescent="0.65">
      <c r="A20" s="7" t="s">
        <v>574</v>
      </c>
      <c r="B20" s="17" t="s">
        <v>542</v>
      </c>
      <c r="C20" s="17" t="s">
        <v>575</v>
      </c>
      <c r="D20" s="17" t="s">
        <v>576</v>
      </c>
      <c r="E20" s="7" t="s">
        <v>577</v>
      </c>
      <c r="F20" s="18" t="s">
        <v>578</v>
      </c>
      <c r="G20" s="18" t="s">
        <v>579</v>
      </c>
      <c r="H20" s="19" t="s">
        <v>548</v>
      </c>
      <c r="I20" s="18" t="s">
        <v>580</v>
      </c>
      <c r="J20" s="18"/>
      <c r="K20" s="20" t="s">
        <v>0</v>
      </c>
      <c r="L20" s="21" t="s">
        <v>558</v>
      </c>
      <c r="M20" s="20" t="s">
        <v>70</v>
      </c>
      <c r="N20" s="22" t="s">
        <v>584</v>
      </c>
      <c r="O20" s="12" t="s">
        <v>4</v>
      </c>
      <c r="P20" s="12"/>
      <c r="Q20" s="18" t="s">
        <v>4</v>
      </c>
      <c r="R20" s="18" t="s">
        <v>4</v>
      </c>
      <c r="S20" s="18" t="s">
        <v>4</v>
      </c>
      <c r="T20" s="18" t="s">
        <v>4</v>
      </c>
      <c r="U20" s="18" t="s">
        <v>4</v>
      </c>
      <c r="V20" s="18" t="s">
        <v>4</v>
      </c>
      <c r="W20" s="18" t="s">
        <v>4</v>
      </c>
      <c r="X20" s="18" t="s">
        <v>4</v>
      </c>
      <c r="Y20" s="18" t="s">
        <v>4</v>
      </c>
      <c r="Z20" s="18" t="s">
        <v>4</v>
      </c>
      <c r="AA20" s="18" t="s">
        <v>4</v>
      </c>
      <c r="AB20" s="18" t="s">
        <v>4</v>
      </c>
      <c r="AC20" s="18" t="s">
        <v>4</v>
      </c>
      <c r="AD20" s="18" t="s">
        <v>4</v>
      </c>
      <c r="AE20" s="18" t="s">
        <v>4</v>
      </c>
      <c r="AF20" s="18" t="s">
        <v>4</v>
      </c>
      <c r="AG20" s="18" t="s">
        <v>4</v>
      </c>
      <c r="AH20" s="18" t="s">
        <v>4</v>
      </c>
      <c r="AI20" s="18" t="s">
        <v>4</v>
      </c>
      <c r="AJ20" s="18" t="s">
        <v>4</v>
      </c>
      <c r="AK20" s="18" t="s">
        <v>4</v>
      </c>
      <c r="AL20" s="18" t="s">
        <v>4</v>
      </c>
      <c r="AM20" s="18" t="s">
        <v>4</v>
      </c>
      <c r="AN20" s="18" t="s">
        <v>4</v>
      </c>
      <c r="AO20" s="18" t="s">
        <v>582</v>
      </c>
      <c r="AP20" s="18" t="s">
        <v>583</v>
      </c>
      <c r="AQ20" s="18" t="s">
        <v>583</v>
      </c>
      <c r="AR20" s="18" t="s">
        <v>583</v>
      </c>
      <c r="AS20" s="23"/>
      <c r="AT20" s="14"/>
      <c r="AU20" s="14"/>
      <c r="AV20" s="14"/>
      <c r="AW20" s="14"/>
      <c r="AX20" s="14"/>
    </row>
    <row r="21" spans="1:50" s="15" customFormat="1" ht="42.75" customHeight="1" x14ac:dyDescent="0.65">
      <c r="A21" s="7" t="s">
        <v>574</v>
      </c>
      <c r="B21" s="17" t="s">
        <v>542</v>
      </c>
      <c r="C21" s="17" t="s">
        <v>575</v>
      </c>
      <c r="D21" s="17" t="s">
        <v>576</v>
      </c>
      <c r="E21" s="7" t="s">
        <v>577</v>
      </c>
      <c r="F21" s="18" t="s">
        <v>578</v>
      </c>
      <c r="G21" s="18" t="s">
        <v>579</v>
      </c>
      <c r="H21" s="19" t="s">
        <v>548</v>
      </c>
      <c r="I21" s="18" t="s">
        <v>580</v>
      </c>
      <c r="J21" s="18"/>
      <c r="K21" s="20" t="s">
        <v>0</v>
      </c>
      <c r="L21" s="21" t="s">
        <v>558</v>
      </c>
      <c r="M21" s="20" t="s">
        <v>70</v>
      </c>
      <c r="N21" s="22" t="s">
        <v>585</v>
      </c>
      <c r="O21" s="12" t="s">
        <v>4</v>
      </c>
      <c r="P21" s="12"/>
      <c r="Q21" s="18" t="s">
        <v>4</v>
      </c>
      <c r="R21" s="18" t="s">
        <v>4</v>
      </c>
      <c r="S21" s="18" t="s">
        <v>4</v>
      </c>
      <c r="T21" s="18" t="s">
        <v>4</v>
      </c>
      <c r="U21" s="18" t="s">
        <v>4</v>
      </c>
      <c r="V21" s="18" t="s">
        <v>4</v>
      </c>
      <c r="W21" s="18" t="s">
        <v>4</v>
      </c>
      <c r="X21" s="18" t="s">
        <v>4</v>
      </c>
      <c r="Y21" s="18" t="s">
        <v>4</v>
      </c>
      <c r="Z21" s="18" t="s">
        <v>4</v>
      </c>
      <c r="AA21" s="18" t="s">
        <v>4</v>
      </c>
      <c r="AB21" s="18" t="s">
        <v>4</v>
      </c>
      <c r="AC21" s="18" t="s">
        <v>4</v>
      </c>
      <c r="AD21" s="18" t="s">
        <v>4</v>
      </c>
      <c r="AE21" s="18" t="s">
        <v>4</v>
      </c>
      <c r="AF21" s="18" t="s">
        <v>4</v>
      </c>
      <c r="AG21" s="18" t="s">
        <v>4</v>
      </c>
      <c r="AH21" s="18" t="s">
        <v>4</v>
      </c>
      <c r="AI21" s="18" t="s">
        <v>4</v>
      </c>
      <c r="AJ21" s="18" t="s">
        <v>4</v>
      </c>
      <c r="AK21" s="18" t="s">
        <v>4</v>
      </c>
      <c r="AL21" s="18" t="s">
        <v>4</v>
      </c>
      <c r="AM21" s="18" t="s">
        <v>4</v>
      </c>
      <c r="AN21" s="18" t="s">
        <v>4</v>
      </c>
      <c r="AO21" s="18" t="s">
        <v>582</v>
      </c>
      <c r="AP21" s="18" t="s">
        <v>583</v>
      </c>
      <c r="AQ21" s="18" t="s">
        <v>583</v>
      </c>
      <c r="AR21" s="18" t="s">
        <v>583</v>
      </c>
      <c r="AS21" s="23"/>
      <c r="AT21" s="14"/>
      <c r="AU21" s="14"/>
      <c r="AV21" s="14"/>
      <c r="AW21" s="14"/>
      <c r="AX21" s="14"/>
    </row>
    <row r="22" spans="1:50" s="15" customFormat="1" ht="42.75" customHeight="1" x14ac:dyDescent="0.65">
      <c r="A22" s="7" t="s">
        <v>574</v>
      </c>
      <c r="B22" s="17" t="s">
        <v>542</v>
      </c>
      <c r="C22" s="17" t="s">
        <v>575</v>
      </c>
      <c r="D22" s="17" t="s">
        <v>576</v>
      </c>
      <c r="E22" s="7" t="s">
        <v>577</v>
      </c>
      <c r="F22" s="18" t="s">
        <v>578</v>
      </c>
      <c r="G22" s="18" t="s">
        <v>579</v>
      </c>
      <c r="H22" s="19" t="s">
        <v>548</v>
      </c>
      <c r="I22" s="18" t="s">
        <v>580</v>
      </c>
      <c r="J22" s="18" t="s">
        <v>550</v>
      </c>
      <c r="K22" s="20" t="s">
        <v>0</v>
      </c>
      <c r="L22" s="21" t="s">
        <v>1</v>
      </c>
      <c r="M22" s="20" t="s">
        <v>551</v>
      </c>
      <c r="N22" s="22" t="s">
        <v>586</v>
      </c>
      <c r="O22" s="12" t="s">
        <v>4</v>
      </c>
      <c r="P22" s="12"/>
      <c r="Q22" s="18" t="s">
        <v>4</v>
      </c>
      <c r="R22" s="18" t="s">
        <v>4</v>
      </c>
      <c r="S22" s="18" t="s">
        <v>4</v>
      </c>
      <c r="T22" s="18" t="s">
        <v>4</v>
      </c>
      <c r="U22" s="18" t="s">
        <v>4</v>
      </c>
      <c r="V22" s="18" t="s">
        <v>4</v>
      </c>
      <c r="W22" s="18" t="s">
        <v>4</v>
      </c>
      <c r="X22" s="18" t="s">
        <v>4</v>
      </c>
      <c r="Y22" s="18" t="s">
        <v>4</v>
      </c>
      <c r="Z22" s="18" t="s">
        <v>4</v>
      </c>
      <c r="AA22" s="18" t="s">
        <v>4</v>
      </c>
      <c r="AB22" s="18" t="s">
        <v>4</v>
      </c>
      <c r="AC22" s="18" t="s">
        <v>4</v>
      </c>
      <c r="AD22" s="18" t="s">
        <v>4</v>
      </c>
      <c r="AE22" s="18" t="s">
        <v>4</v>
      </c>
      <c r="AF22" s="18" t="s">
        <v>4</v>
      </c>
      <c r="AG22" s="18" t="s">
        <v>4</v>
      </c>
      <c r="AH22" s="18" t="s">
        <v>4</v>
      </c>
      <c r="AI22" s="18" t="s">
        <v>4</v>
      </c>
      <c r="AJ22" s="18" t="s">
        <v>4</v>
      </c>
      <c r="AK22" s="18" t="s">
        <v>4</v>
      </c>
      <c r="AL22" s="18" t="s">
        <v>4</v>
      </c>
      <c r="AM22" s="18" t="s">
        <v>4</v>
      </c>
      <c r="AN22" s="18" t="s">
        <v>4</v>
      </c>
      <c r="AO22" s="18" t="s">
        <v>582</v>
      </c>
      <c r="AP22" s="18" t="s">
        <v>583</v>
      </c>
      <c r="AQ22" s="18" t="s">
        <v>583</v>
      </c>
      <c r="AR22" s="18" t="s">
        <v>583</v>
      </c>
      <c r="AS22" s="23"/>
      <c r="AT22" s="14"/>
      <c r="AU22" s="14"/>
      <c r="AV22" s="14"/>
      <c r="AW22" s="14"/>
      <c r="AX22" s="14"/>
    </row>
    <row r="23" spans="1:50" s="15" customFormat="1" ht="42.75" customHeight="1" x14ac:dyDescent="0.65">
      <c r="A23" s="7" t="s">
        <v>574</v>
      </c>
      <c r="B23" s="17" t="s">
        <v>542</v>
      </c>
      <c r="C23" s="17" t="s">
        <v>575</v>
      </c>
      <c r="D23" s="17" t="s">
        <v>576</v>
      </c>
      <c r="E23" s="7" t="s">
        <v>577</v>
      </c>
      <c r="F23" s="18" t="s">
        <v>578</v>
      </c>
      <c r="G23" s="18" t="s">
        <v>579</v>
      </c>
      <c r="H23" s="19" t="s">
        <v>548</v>
      </c>
      <c r="I23" s="18" t="s">
        <v>580</v>
      </c>
      <c r="J23" s="18"/>
      <c r="K23" s="20" t="s">
        <v>0</v>
      </c>
      <c r="L23" s="21" t="s">
        <v>558</v>
      </c>
      <c r="M23" s="20" t="s">
        <v>70</v>
      </c>
      <c r="N23" s="22" t="s">
        <v>587</v>
      </c>
      <c r="O23" s="12" t="s">
        <v>4</v>
      </c>
      <c r="P23" s="12"/>
      <c r="Q23" s="18" t="s">
        <v>4</v>
      </c>
      <c r="R23" s="18" t="s">
        <v>4</v>
      </c>
      <c r="S23" s="18" t="s">
        <v>4</v>
      </c>
      <c r="T23" s="18" t="s">
        <v>4</v>
      </c>
      <c r="U23" s="18" t="s">
        <v>4</v>
      </c>
      <c r="V23" s="18" t="s">
        <v>4</v>
      </c>
      <c r="W23" s="18" t="s">
        <v>4</v>
      </c>
      <c r="X23" s="18" t="s">
        <v>4</v>
      </c>
      <c r="Y23" s="18" t="s">
        <v>4</v>
      </c>
      <c r="Z23" s="18" t="s">
        <v>4</v>
      </c>
      <c r="AA23" s="18" t="s">
        <v>4</v>
      </c>
      <c r="AB23" s="18" t="s">
        <v>4</v>
      </c>
      <c r="AC23" s="18" t="s">
        <v>4</v>
      </c>
      <c r="AD23" s="18" t="s">
        <v>4</v>
      </c>
      <c r="AE23" s="18" t="s">
        <v>4</v>
      </c>
      <c r="AF23" s="18" t="s">
        <v>4</v>
      </c>
      <c r="AG23" s="18" t="s">
        <v>4</v>
      </c>
      <c r="AH23" s="18" t="s">
        <v>4</v>
      </c>
      <c r="AI23" s="18" t="s">
        <v>4</v>
      </c>
      <c r="AJ23" s="18" t="s">
        <v>4</v>
      </c>
      <c r="AK23" s="18" t="s">
        <v>4</v>
      </c>
      <c r="AL23" s="18" t="s">
        <v>4</v>
      </c>
      <c r="AM23" s="18" t="s">
        <v>4</v>
      </c>
      <c r="AN23" s="18" t="s">
        <v>4</v>
      </c>
      <c r="AO23" s="18" t="s">
        <v>582</v>
      </c>
      <c r="AP23" s="18" t="s">
        <v>583</v>
      </c>
      <c r="AQ23" s="18" t="s">
        <v>583</v>
      </c>
      <c r="AR23" s="18" t="s">
        <v>583</v>
      </c>
      <c r="AS23" s="23"/>
      <c r="AT23" s="14"/>
      <c r="AU23" s="14"/>
      <c r="AV23" s="14"/>
      <c r="AW23" s="14"/>
      <c r="AX23" s="14"/>
    </row>
    <row r="24" spans="1:50" s="15" customFormat="1" ht="42.75" customHeight="1" x14ac:dyDescent="0.65">
      <c r="A24" s="7" t="s">
        <v>574</v>
      </c>
      <c r="B24" s="17" t="s">
        <v>542</v>
      </c>
      <c r="C24" s="17" t="s">
        <v>575</v>
      </c>
      <c r="D24" s="17" t="s">
        <v>576</v>
      </c>
      <c r="E24" s="7" t="s">
        <v>577</v>
      </c>
      <c r="F24" s="18" t="s">
        <v>578</v>
      </c>
      <c r="G24" s="18" t="s">
        <v>579</v>
      </c>
      <c r="H24" s="19" t="s">
        <v>548</v>
      </c>
      <c r="I24" s="18" t="s">
        <v>580</v>
      </c>
      <c r="J24" s="18" t="s">
        <v>550</v>
      </c>
      <c r="K24" s="20" t="s">
        <v>0</v>
      </c>
      <c r="L24" s="21" t="s">
        <v>1</v>
      </c>
      <c r="M24" s="20" t="s">
        <v>551</v>
      </c>
      <c r="N24" s="22" t="s">
        <v>588</v>
      </c>
      <c r="O24" s="12" t="s">
        <v>4</v>
      </c>
      <c r="P24" s="12"/>
      <c r="Q24" s="18" t="s">
        <v>4</v>
      </c>
      <c r="R24" s="18" t="s">
        <v>4</v>
      </c>
      <c r="S24" s="18" t="s">
        <v>4</v>
      </c>
      <c r="T24" s="18" t="s">
        <v>4</v>
      </c>
      <c r="U24" s="18" t="s">
        <v>4</v>
      </c>
      <c r="V24" s="18" t="s">
        <v>4</v>
      </c>
      <c r="W24" s="18" t="s">
        <v>4</v>
      </c>
      <c r="X24" s="18" t="s">
        <v>4</v>
      </c>
      <c r="Y24" s="18" t="s">
        <v>4</v>
      </c>
      <c r="Z24" s="18" t="s">
        <v>4</v>
      </c>
      <c r="AA24" s="18" t="s">
        <v>4</v>
      </c>
      <c r="AB24" s="18" t="s">
        <v>4</v>
      </c>
      <c r="AC24" s="18" t="s">
        <v>4</v>
      </c>
      <c r="AD24" s="18" t="s">
        <v>4</v>
      </c>
      <c r="AE24" s="18" t="s">
        <v>4</v>
      </c>
      <c r="AF24" s="18" t="s">
        <v>4</v>
      </c>
      <c r="AG24" s="18" t="s">
        <v>4</v>
      </c>
      <c r="AH24" s="18" t="s">
        <v>4</v>
      </c>
      <c r="AI24" s="18" t="s">
        <v>4</v>
      </c>
      <c r="AJ24" s="18" t="s">
        <v>4</v>
      </c>
      <c r="AK24" s="18" t="s">
        <v>4</v>
      </c>
      <c r="AL24" s="18" t="s">
        <v>4</v>
      </c>
      <c r="AM24" s="18" t="s">
        <v>4</v>
      </c>
      <c r="AN24" s="18" t="s">
        <v>4</v>
      </c>
      <c r="AO24" s="18" t="s">
        <v>582</v>
      </c>
      <c r="AP24" s="18" t="s">
        <v>583</v>
      </c>
      <c r="AQ24" s="18" t="s">
        <v>583</v>
      </c>
      <c r="AR24" s="18" t="s">
        <v>583</v>
      </c>
      <c r="AS24" s="23"/>
      <c r="AT24" s="14"/>
      <c r="AU24" s="14"/>
      <c r="AV24" s="14"/>
      <c r="AW24" s="14"/>
      <c r="AX24" s="14"/>
    </row>
    <row r="25" spans="1:50" s="15" customFormat="1" ht="42.75" customHeight="1" x14ac:dyDescent="0.65">
      <c r="A25" s="7" t="s">
        <v>574</v>
      </c>
      <c r="B25" s="17" t="s">
        <v>542</v>
      </c>
      <c r="C25" s="17" t="s">
        <v>575</v>
      </c>
      <c r="D25" s="17" t="s">
        <v>576</v>
      </c>
      <c r="E25" s="7" t="s">
        <v>577</v>
      </c>
      <c r="F25" s="18" t="s">
        <v>578</v>
      </c>
      <c r="G25" s="18" t="s">
        <v>579</v>
      </c>
      <c r="H25" s="19" t="s">
        <v>548</v>
      </c>
      <c r="I25" s="18" t="s">
        <v>580</v>
      </c>
      <c r="J25" s="18" t="s">
        <v>550</v>
      </c>
      <c r="K25" s="20" t="s">
        <v>0</v>
      </c>
      <c r="L25" s="21" t="s">
        <v>1</v>
      </c>
      <c r="M25" s="20" t="s">
        <v>551</v>
      </c>
      <c r="N25" s="22" t="s">
        <v>589</v>
      </c>
      <c r="O25" s="12" t="s">
        <v>4</v>
      </c>
      <c r="P25" s="12"/>
      <c r="Q25" s="18" t="s">
        <v>4</v>
      </c>
      <c r="R25" s="18" t="s">
        <v>4</v>
      </c>
      <c r="S25" s="18" t="s">
        <v>4</v>
      </c>
      <c r="T25" s="18" t="s">
        <v>4</v>
      </c>
      <c r="U25" s="18" t="s">
        <v>4</v>
      </c>
      <c r="V25" s="18" t="s">
        <v>4</v>
      </c>
      <c r="W25" s="18" t="s">
        <v>4</v>
      </c>
      <c r="X25" s="18" t="s">
        <v>4</v>
      </c>
      <c r="Y25" s="18" t="s">
        <v>4</v>
      </c>
      <c r="Z25" s="18" t="s">
        <v>4</v>
      </c>
      <c r="AA25" s="18" t="s">
        <v>4</v>
      </c>
      <c r="AB25" s="18" t="s">
        <v>4</v>
      </c>
      <c r="AC25" s="18" t="s">
        <v>4</v>
      </c>
      <c r="AD25" s="18" t="s">
        <v>4</v>
      </c>
      <c r="AE25" s="18" t="s">
        <v>4</v>
      </c>
      <c r="AF25" s="18" t="s">
        <v>4</v>
      </c>
      <c r="AG25" s="18" t="s">
        <v>4</v>
      </c>
      <c r="AH25" s="18" t="s">
        <v>4</v>
      </c>
      <c r="AI25" s="18" t="s">
        <v>4</v>
      </c>
      <c r="AJ25" s="18" t="s">
        <v>4</v>
      </c>
      <c r="AK25" s="18" t="s">
        <v>4</v>
      </c>
      <c r="AL25" s="18" t="s">
        <v>4</v>
      </c>
      <c r="AM25" s="18" t="s">
        <v>4</v>
      </c>
      <c r="AN25" s="18" t="s">
        <v>4</v>
      </c>
      <c r="AO25" s="18" t="s">
        <v>582</v>
      </c>
      <c r="AP25" s="18" t="s">
        <v>583</v>
      </c>
      <c r="AQ25" s="18" t="s">
        <v>583</v>
      </c>
      <c r="AR25" s="18" t="s">
        <v>583</v>
      </c>
      <c r="AS25" s="23"/>
      <c r="AT25" s="14"/>
      <c r="AU25" s="14"/>
      <c r="AV25" s="14"/>
      <c r="AW25" s="14"/>
      <c r="AX25" s="14"/>
    </row>
    <row r="26" spans="1:50" s="15" customFormat="1" ht="42.75" customHeight="1" x14ac:dyDescent="0.65">
      <c r="A26" s="7" t="s">
        <v>574</v>
      </c>
      <c r="B26" s="17" t="s">
        <v>542</v>
      </c>
      <c r="C26" s="17" t="s">
        <v>575</v>
      </c>
      <c r="D26" s="17" t="s">
        <v>576</v>
      </c>
      <c r="E26" s="7" t="s">
        <v>577</v>
      </c>
      <c r="F26" s="18" t="s">
        <v>578</v>
      </c>
      <c r="G26" s="18" t="s">
        <v>579</v>
      </c>
      <c r="H26" s="19" t="s">
        <v>548</v>
      </c>
      <c r="I26" s="18" t="s">
        <v>580</v>
      </c>
      <c r="J26" s="18" t="s">
        <v>550</v>
      </c>
      <c r="K26" s="20" t="s">
        <v>0</v>
      </c>
      <c r="L26" s="21" t="s">
        <v>1</v>
      </c>
      <c r="M26" s="20" t="s">
        <v>551</v>
      </c>
      <c r="N26" s="22" t="s">
        <v>590</v>
      </c>
      <c r="O26" s="12" t="s">
        <v>4</v>
      </c>
      <c r="P26" s="12"/>
      <c r="Q26" s="18" t="s">
        <v>4</v>
      </c>
      <c r="R26" s="18" t="s">
        <v>4</v>
      </c>
      <c r="S26" s="18" t="s">
        <v>4</v>
      </c>
      <c r="T26" s="18" t="s">
        <v>4</v>
      </c>
      <c r="U26" s="18" t="s">
        <v>4</v>
      </c>
      <c r="V26" s="18" t="s">
        <v>4</v>
      </c>
      <c r="W26" s="18" t="s">
        <v>4</v>
      </c>
      <c r="X26" s="18" t="s">
        <v>4</v>
      </c>
      <c r="Y26" s="18" t="s">
        <v>4</v>
      </c>
      <c r="Z26" s="18" t="s">
        <v>4</v>
      </c>
      <c r="AA26" s="18" t="s">
        <v>4</v>
      </c>
      <c r="AB26" s="18" t="s">
        <v>4</v>
      </c>
      <c r="AC26" s="18" t="s">
        <v>4</v>
      </c>
      <c r="AD26" s="18" t="s">
        <v>4</v>
      </c>
      <c r="AE26" s="18" t="s">
        <v>4</v>
      </c>
      <c r="AF26" s="18" t="s">
        <v>4</v>
      </c>
      <c r="AG26" s="18" t="s">
        <v>4</v>
      </c>
      <c r="AH26" s="18" t="s">
        <v>4</v>
      </c>
      <c r="AI26" s="18" t="s">
        <v>4</v>
      </c>
      <c r="AJ26" s="18" t="s">
        <v>4</v>
      </c>
      <c r="AK26" s="18" t="s">
        <v>4</v>
      </c>
      <c r="AL26" s="18" t="s">
        <v>4</v>
      </c>
      <c r="AM26" s="18" t="s">
        <v>4</v>
      </c>
      <c r="AN26" s="18" t="s">
        <v>4</v>
      </c>
      <c r="AO26" s="18" t="s">
        <v>582</v>
      </c>
      <c r="AP26" s="18" t="s">
        <v>583</v>
      </c>
      <c r="AQ26" s="18" t="s">
        <v>583</v>
      </c>
      <c r="AR26" s="18" t="s">
        <v>583</v>
      </c>
      <c r="AS26" s="23"/>
      <c r="AT26" s="14"/>
      <c r="AU26" s="14"/>
      <c r="AV26" s="14"/>
      <c r="AW26" s="14"/>
      <c r="AX26" s="14"/>
    </row>
    <row r="27" spans="1:50" s="15" customFormat="1" ht="42.75" customHeight="1" x14ac:dyDescent="0.65">
      <c r="A27" s="7" t="s">
        <v>574</v>
      </c>
      <c r="B27" s="17" t="s">
        <v>542</v>
      </c>
      <c r="C27" s="17" t="s">
        <v>575</v>
      </c>
      <c r="D27" s="17" t="s">
        <v>576</v>
      </c>
      <c r="E27" s="7" t="s">
        <v>577</v>
      </c>
      <c r="F27" s="18" t="s">
        <v>578</v>
      </c>
      <c r="G27" s="18" t="s">
        <v>579</v>
      </c>
      <c r="H27" s="19" t="s">
        <v>548</v>
      </c>
      <c r="I27" s="18" t="s">
        <v>580</v>
      </c>
      <c r="J27" s="18" t="s">
        <v>550</v>
      </c>
      <c r="K27" s="20" t="s">
        <v>0</v>
      </c>
      <c r="L27" s="21" t="s">
        <v>1</v>
      </c>
      <c r="M27" s="20" t="s">
        <v>551</v>
      </c>
      <c r="N27" s="22" t="s">
        <v>591</v>
      </c>
      <c r="O27" s="12" t="s">
        <v>4</v>
      </c>
      <c r="P27" s="12"/>
      <c r="Q27" s="18" t="s">
        <v>4</v>
      </c>
      <c r="R27" s="18" t="s">
        <v>4</v>
      </c>
      <c r="S27" s="18" t="s">
        <v>4</v>
      </c>
      <c r="T27" s="18" t="s">
        <v>4</v>
      </c>
      <c r="U27" s="18" t="s">
        <v>4</v>
      </c>
      <c r="V27" s="18" t="s">
        <v>4</v>
      </c>
      <c r="W27" s="18" t="s">
        <v>4</v>
      </c>
      <c r="X27" s="18" t="s">
        <v>4</v>
      </c>
      <c r="Y27" s="18" t="s">
        <v>4</v>
      </c>
      <c r="Z27" s="18" t="s">
        <v>4</v>
      </c>
      <c r="AA27" s="18" t="s">
        <v>4</v>
      </c>
      <c r="AB27" s="18" t="s">
        <v>4</v>
      </c>
      <c r="AC27" s="18" t="s">
        <v>4</v>
      </c>
      <c r="AD27" s="18" t="s">
        <v>4</v>
      </c>
      <c r="AE27" s="18" t="s">
        <v>4</v>
      </c>
      <c r="AF27" s="18" t="s">
        <v>4</v>
      </c>
      <c r="AG27" s="18" t="s">
        <v>4</v>
      </c>
      <c r="AH27" s="18" t="s">
        <v>4</v>
      </c>
      <c r="AI27" s="18" t="s">
        <v>4</v>
      </c>
      <c r="AJ27" s="18" t="s">
        <v>4</v>
      </c>
      <c r="AK27" s="18" t="s">
        <v>4</v>
      </c>
      <c r="AL27" s="18" t="s">
        <v>4</v>
      </c>
      <c r="AM27" s="18" t="s">
        <v>4</v>
      </c>
      <c r="AN27" s="18" t="s">
        <v>4</v>
      </c>
      <c r="AO27" s="18" t="s">
        <v>582</v>
      </c>
      <c r="AP27" s="18" t="s">
        <v>583</v>
      </c>
      <c r="AQ27" s="18" t="s">
        <v>583</v>
      </c>
      <c r="AR27" s="18" t="s">
        <v>583</v>
      </c>
      <c r="AS27" s="23"/>
      <c r="AT27" s="14"/>
      <c r="AU27" s="14"/>
      <c r="AV27" s="14"/>
      <c r="AW27" s="14"/>
      <c r="AX27" s="14"/>
    </row>
    <row r="28" spans="1:50" s="15" customFormat="1" ht="42.75" customHeight="1" x14ac:dyDescent="0.65">
      <c r="A28" s="7" t="s">
        <v>574</v>
      </c>
      <c r="B28" s="17" t="s">
        <v>542</v>
      </c>
      <c r="C28" s="17" t="s">
        <v>575</v>
      </c>
      <c r="D28" s="17" t="s">
        <v>576</v>
      </c>
      <c r="E28" s="7" t="s">
        <v>577</v>
      </c>
      <c r="F28" s="18" t="s">
        <v>578</v>
      </c>
      <c r="G28" s="18" t="s">
        <v>579</v>
      </c>
      <c r="H28" s="19" t="s">
        <v>548</v>
      </c>
      <c r="I28" s="18" t="s">
        <v>580</v>
      </c>
      <c r="J28" s="18" t="s">
        <v>550</v>
      </c>
      <c r="K28" s="20" t="s">
        <v>0</v>
      </c>
      <c r="L28" s="21" t="s">
        <v>558</v>
      </c>
      <c r="M28" s="20" t="s">
        <v>519</v>
      </c>
      <c r="N28" s="22" t="s">
        <v>592</v>
      </c>
      <c r="O28" s="12" t="s">
        <v>4</v>
      </c>
      <c r="P28" s="12"/>
      <c r="Q28" s="18" t="s">
        <v>4</v>
      </c>
      <c r="R28" s="18" t="s">
        <v>4</v>
      </c>
      <c r="S28" s="18" t="s">
        <v>4</v>
      </c>
      <c r="T28" s="18" t="s">
        <v>4</v>
      </c>
      <c r="U28" s="18" t="s">
        <v>4</v>
      </c>
      <c r="V28" s="18" t="s">
        <v>4</v>
      </c>
      <c r="W28" s="18" t="s">
        <v>4</v>
      </c>
      <c r="X28" s="18" t="s">
        <v>4</v>
      </c>
      <c r="Y28" s="18" t="s">
        <v>4</v>
      </c>
      <c r="Z28" s="18" t="s">
        <v>4</v>
      </c>
      <c r="AA28" s="18" t="s">
        <v>4</v>
      </c>
      <c r="AB28" s="18" t="s">
        <v>4</v>
      </c>
      <c r="AC28" s="18" t="s">
        <v>4</v>
      </c>
      <c r="AD28" s="18" t="s">
        <v>4</v>
      </c>
      <c r="AE28" s="18" t="s">
        <v>4</v>
      </c>
      <c r="AF28" s="18" t="s">
        <v>4</v>
      </c>
      <c r="AG28" s="18" t="s">
        <v>4</v>
      </c>
      <c r="AH28" s="18" t="s">
        <v>4</v>
      </c>
      <c r="AI28" s="18" t="s">
        <v>4</v>
      </c>
      <c r="AJ28" s="18" t="s">
        <v>4</v>
      </c>
      <c r="AK28" s="18" t="s">
        <v>4</v>
      </c>
      <c r="AL28" s="18" t="s">
        <v>4</v>
      </c>
      <c r="AM28" s="18" t="s">
        <v>4</v>
      </c>
      <c r="AN28" s="18" t="s">
        <v>4</v>
      </c>
      <c r="AO28" s="18" t="s">
        <v>582</v>
      </c>
      <c r="AP28" s="18" t="s">
        <v>583</v>
      </c>
      <c r="AQ28" s="18" t="s">
        <v>583</v>
      </c>
      <c r="AR28" s="18" t="s">
        <v>583</v>
      </c>
      <c r="AS28" s="23"/>
      <c r="AT28" s="14"/>
      <c r="AU28" s="14"/>
      <c r="AV28" s="14"/>
      <c r="AW28" s="14"/>
      <c r="AX28" s="14"/>
    </row>
    <row r="29" spans="1:50" s="15" customFormat="1" ht="42.75" customHeight="1" x14ac:dyDescent="0.65">
      <c r="A29" s="7" t="s">
        <v>574</v>
      </c>
      <c r="B29" s="17" t="s">
        <v>542</v>
      </c>
      <c r="C29" s="17" t="s">
        <v>575</v>
      </c>
      <c r="D29" s="17" t="s">
        <v>576</v>
      </c>
      <c r="E29" s="7" t="s">
        <v>577</v>
      </c>
      <c r="F29" s="18" t="s">
        <v>578</v>
      </c>
      <c r="G29" s="18" t="s">
        <v>579</v>
      </c>
      <c r="H29" s="19" t="s">
        <v>548</v>
      </c>
      <c r="I29" s="18" t="s">
        <v>580</v>
      </c>
      <c r="J29" s="18" t="s">
        <v>550</v>
      </c>
      <c r="K29" s="20" t="s">
        <v>0</v>
      </c>
      <c r="L29" s="21" t="s">
        <v>1</v>
      </c>
      <c r="M29" s="20" t="s">
        <v>551</v>
      </c>
      <c r="N29" s="22" t="s">
        <v>593</v>
      </c>
      <c r="O29" s="12" t="s">
        <v>4</v>
      </c>
      <c r="P29" s="12"/>
      <c r="Q29" s="18" t="s">
        <v>4</v>
      </c>
      <c r="R29" s="18" t="s">
        <v>4</v>
      </c>
      <c r="S29" s="18" t="s">
        <v>4</v>
      </c>
      <c r="T29" s="18" t="s">
        <v>4</v>
      </c>
      <c r="U29" s="18" t="s">
        <v>4</v>
      </c>
      <c r="V29" s="18" t="s">
        <v>4</v>
      </c>
      <c r="W29" s="18" t="s">
        <v>4</v>
      </c>
      <c r="X29" s="18" t="s">
        <v>4</v>
      </c>
      <c r="Y29" s="18" t="s">
        <v>4</v>
      </c>
      <c r="Z29" s="18" t="s">
        <v>4</v>
      </c>
      <c r="AA29" s="18" t="s">
        <v>4</v>
      </c>
      <c r="AB29" s="18" t="s">
        <v>4</v>
      </c>
      <c r="AC29" s="18" t="s">
        <v>4</v>
      </c>
      <c r="AD29" s="18" t="s">
        <v>4</v>
      </c>
      <c r="AE29" s="18" t="s">
        <v>4</v>
      </c>
      <c r="AF29" s="18" t="s">
        <v>4</v>
      </c>
      <c r="AG29" s="18" t="s">
        <v>4</v>
      </c>
      <c r="AH29" s="18" t="s">
        <v>4</v>
      </c>
      <c r="AI29" s="18" t="s">
        <v>4</v>
      </c>
      <c r="AJ29" s="18" t="s">
        <v>4</v>
      </c>
      <c r="AK29" s="18" t="s">
        <v>4</v>
      </c>
      <c r="AL29" s="18" t="s">
        <v>4</v>
      </c>
      <c r="AM29" s="18" t="s">
        <v>4</v>
      </c>
      <c r="AN29" s="18" t="s">
        <v>4</v>
      </c>
      <c r="AO29" s="18" t="s">
        <v>582</v>
      </c>
      <c r="AP29" s="18" t="s">
        <v>583</v>
      </c>
      <c r="AQ29" s="18" t="s">
        <v>583</v>
      </c>
      <c r="AR29" s="18" t="s">
        <v>583</v>
      </c>
      <c r="AS29" s="23"/>
      <c r="AT29" s="14"/>
      <c r="AU29" s="14"/>
      <c r="AV29" s="14"/>
      <c r="AW29" s="14"/>
      <c r="AX29" s="14"/>
    </row>
    <row r="30" spans="1:50" s="15" customFormat="1" ht="42.75" customHeight="1" x14ac:dyDescent="0.65">
      <c r="A30" s="7" t="s">
        <v>574</v>
      </c>
      <c r="B30" s="17" t="s">
        <v>542</v>
      </c>
      <c r="C30" s="17" t="s">
        <v>575</v>
      </c>
      <c r="D30" s="17" t="s">
        <v>576</v>
      </c>
      <c r="E30" s="7" t="s">
        <v>577</v>
      </c>
      <c r="F30" s="18" t="s">
        <v>578</v>
      </c>
      <c r="G30" s="18" t="s">
        <v>579</v>
      </c>
      <c r="H30" s="19" t="s">
        <v>548</v>
      </c>
      <c r="I30" s="18" t="s">
        <v>580</v>
      </c>
      <c r="J30" s="18" t="s">
        <v>550</v>
      </c>
      <c r="K30" s="20" t="s">
        <v>0</v>
      </c>
      <c r="L30" s="21" t="s">
        <v>1</v>
      </c>
      <c r="M30" s="20" t="s">
        <v>551</v>
      </c>
      <c r="N30" s="22" t="s">
        <v>594</v>
      </c>
      <c r="O30" s="12" t="s">
        <v>4</v>
      </c>
      <c r="P30" s="12"/>
      <c r="Q30" s="18" t="s">
        <v>4</v>
      </c>
      <c r="R30" s="18" t="s">
        <v>4</v>
      </c>
      <c r="S30" s="18" t="s">
        <v>4</v>
      </c>
      <c r="T30" s="18" t="s">
        <v>4</v>
      </c>
      <c r="U30" s="18" t="s">
        <v>4</v>
      </c>
      <c r="V30" s="18" t="s">
        <v>4</v>
      </c>
      <c r="W30" s="18" t="s">
        <v>4</v>
      </c>
      <c r="X30" s="18" t="s">
        <v>4</v>
      </c>
      <c r="Y30" s="18" t="s">
        <v>4</v>
      </c>
      <c r="Z30" s="18" t="s">
        <v>4</v>
      </c>
      <c r="AA30" s="18" t="s">
        <v>4</v>
      </c>
      <c r="AB30" s="18" t="s">
        <v>4</v>
      </c>
      <c r="AC30" s="18" t="s">
        <v>4</v>
      </c>
      <c r="AD30" s="18" t="s">
        <v>4</v>
      </c>
      <c r="AE30" s="18" t="s">
        <v>4</v>
      </c>
      <c r="AF30" s="18" t="s">
        <v>4</v>
      </c>
      <c r="AG30" s="18" t="s">
        <v>4</v>
      </c>
      <c r="AH30" s="18" t="s">
        <v>4</v>
      </c>
      <c r="AI30" s="18" t="s">
        <v>4</v>
      </c>
      <c r="AJ30" s="18" t="s">
        <v>4</v>
      </c>
      <c r="AK30" s="18" t="s">
        <v>4</v>
      </c>
      <c r="AL30" s="18" t="s">
        <v>4</v>
      </c>
      <c r="AM30" s="18" t="s">
        <v>4</v>
      </c>
      <c r="AN30" s="18" t="s">
        <v>4</v>
      </c>
      <c r="AO30" s="18" t="s">
        <v>582</v>
      </c>
      <c r="AP30" s="18" t="s">
        <v>583</v>
      </c>
      <c r="AQ30" s="18" t="s">
        <v>583</v>
      </c>
      <c r="AR30" s="18" t="s">
        <v>583</v>
      </c>
      <c r="AS30" s="23"/>
      <c r="AT30" s="14"/>
      <c r="AU30" s="14"/>
      <c r="AV30" s="14"/>
      <c r="AW30" s="14"/>
      <c r="AX30" s="14"/>
    </row>
    <row r="31" spans="1:50" s="15" customFormat="1" ht="42.75" customHeight="1" x14ac:dyDescent="0.65">
      <c r="A31" s="7" t="s">
        <v>574</v>
      </c>
      <c r="B31" s="17" t="s">
        <v>542</v>
      </c>
      <c r="C31" s="17" t="s">
        <v>575</v>
      </c>
      <c r="D31" s="17" t="s">
        <v>576</v>
      </c>
      <c r="E31" s="7" t="s">
        <v>577</v>
      </c>
      <c r="F31" s="18" t="s">
        <v>578</v>
      </c>
      <c r="G31" s="18" t="s">
        <v>579</v>
      </c>
      <c r="H31" s="19" t="s">
        <v>548</v>
      </c>
      <c r="I31" s="18" t="s">
        <v>580</v>
      </c>
      <c r="J31" s="18" t="s">
        <v>550</v>
      </c>
      <c r="K31" s="20" t="s">
        <v>0</v>
      </c>
      <c r="L31" s="21" t="s">
        <v>1</v>
      </c>
      <c r="M31" s="20" t="s">
        <v>194</v>
      </c>
      <c r="N31" s="22" t="s">
        <v>595</v>
      </c>
      <c r="O31" s="12" t="s">
        <v>4</v>
      </c>
      <c r="P31" s="12"/>
      <c r="Q31" s="18" t="s">
        <v>4</v>
      </c>
      <c r="R31" s="18"/>
      <c r="S31" s="18"/>
      <c r="T31" s="18"/>
      <c r="U31" s="18"/>
      <c r="V31" s="18"/>
      <c r="W31" s="18"/>
      <c r="X31" s="18"/>
      <c r="Y31" s="18"/>
      <c r="Z31" s="18"/>
      <c r="AA31" s="18"/>
      <c r="AB31" s="18"/>
      <c r="AC31" s="18"/>
      <c r="AD31" s="18"/>
      <c r="AE31" s="18"/>
      <c r="AF31" s="18"/>
      <c r="AG31" s="18"/>
      <c r="AH31" s="18"/>
      <c r="AI31" s="18"/>
      <c r="AJ31" s="18"/>
      <c r="AK31" s="18"/>
      <c r="AL31" s="18"/>
      <c r="AM31" s="18"/>
      <c r="AN31" s="18"/>
      <c r="AO31" s="18" t="s">
        <v>596</v>
      </c>
      <c r="AP31" s="18" t="s">
        <v>583</v>
      </c>
      <c r="AQ31" s="18" t="s">
        <v>583</v>
      </c>
      <c r="AR31" s="18" t="s">
        <v>583</v>
      </c>
      <c r="AS31" s="23"/>
      <c r="AT31" s="14"/>
      <c r="AU31" s="14"/>
      <c r="AV31" s="14"/>
      <c r="AW31" s="14"/>
      <c r="AX31" s="14"/>
    </row>
    <row r="32" spans="1:50" s="15" customFormat="1" ht="42.75" customHeight="1" x14ac:dyDescent="0.65">
      <c r="A32" s="7" t="s">
        <v>574</v>
      </c>
      <c r="B32" s="17" t="s">
        <v>542</v>
      </c>
      <c r="C32" s="17" t="s">
        <v>575</v>
      </c>
      <c r="D32" s="17" t="s">
        <v>576</v>
      </c>
      <c r="E32" s="7" t="s">
        <v>577</v>
      </c>
      <c r="F32" s="18" t="s">
        <v>578</v>
      </c>
      <c r="G32" s="18" t="s">
        <v>579</v>
      </c>
      <c r="H32" s="19" t="s">
        <v>548</v>
      </c>
      <c r="I32" s="18" t="s">
        <v>580</v>
      </c>
      <c r="J32" s="18"/>
      <c r="K32" s="20" t="s">
        <v>0</v>
      </c>
      <c r="L32" s="21" t="s">
        <v>1</v>
      </c>
      <c r="M32" s="20" t="s">
        <v>65</v>
      </c>
      <c r="N32" s="22" t="s">
        <v>597</v>
      </c>
      <c r="O32" s="12" t="s">
        <v>4</v>
      </c>
      <c r="P32" s="12"/>
      <c r="Q32" s="18" t="s">
        <v>4</v>
      </c>
      <c r="R32" s="18" t="s">
        <v>4</v>
      </c>
      <c r="S32" s="18" t="s">
        <v>4</v>
      </c>
      <c r="T32" s="18" t="s">
        <v>4</v>
      </c>
      <c r="U32" s="18" t="s">
        <v>4</v>
      </c>
      <c r="V32" s="18" t="s">
        <v>4</v>
      </c>
      <c r="W32" s="18" t="s">
        <v>4</v>
      </c>
      <c r="X32" s="18" t="s">
        <v>4</v>
      </c>
      <c r="Y32" s="18" t="s">
        <v>4</v>
      </c>
      <c r="Z32" s="18" t="s">
        <v>4</v>
      </c>
      <c r="AA32" s="18" t="s">
        <v>4</v>
      </c>
      <c r="AB32" s="18" t="s">
        <v>4</v>
      </c>
      <c r="AC32" s="18" t="s">
        <v>4</v>
      </c>
      <c r="AD32" s="18" t="s">
        <v>4</v>
      </c>
      <c r="AE32" s="18" t="s">
        <v>4</v>
      </c>
      <c r="AF32" s="18" t="s">
        <v>4</v>
      </c>
      <c r="AG32" s="18" t="s">
        <v>4</v>
      </c>
      <c r="AH32" s="18" t="s">
        <v>4</v>
      </c>
      <c r="AI32" s="18" t="s">
        <v>4</v>
      </c>
      <c r="AJ32" s="18" t="s">
        <v>4</v>
      </c>
      <c r="AK32" s="18" t="s">
        <v>4</v>
      </c>
      <c r="AL32" s="18" t="s">
        <v>4</v>
      </c>
      <c r="AM32" s="18" t="s">
        <v>4</v>
      </c>
      <c r="AN32" s="18" t="s">
        <v>4</v>
      </c>
      <c r="AO32" s="18" t="s">
        <v>582</v>
      </c>
      <c r="AP32" s="18" t="s">
        <v>583</v>
      </c>
      <c r="AQ32" s="18" t="s">
        <v>583</v>
      </c>
      <c r="AR32" s="18" t="s">
        <v>583</v>
      </c>
      <c r="AS32" s="23"/>
      <c r="AT32" s="14"/>
      <c r="AU32" s="14"/>
      <c r="AV32" s="14"/>
      <c r="AW32" s="14"/>
      <c r="AX32" s="14"/>
    </row>
    <row r="33" spans="1:50" s="15" customFormat="1" ht="42.75" customHeight="1" x14ac:dyDescent="0.65">
      <c r="A33" s="7" t="s">
        <v>574</v>
      </c>
      <c r="B33" s="17" t="s">
        <v>542</v>
      </c>
      <c r="C33" s="17" t="s">
        <v>575</v>
      </c>
      <c r="D33" s="17" t="s">
        <v>576</v>
      </c>
      <c r="E33" s="7" t="s">
        <v>577</v>
      </c>
      <c r="F33" s="18" t="s">
        <v>578</v>
      </c>
      <c r="G33" s="18" t="s">
        <v>579</v>
      </c>
      <c r="H33" s="19" t="s">
        <v>548</v>
      </c>
      <c r="I33" s="18" t="s">
        <v>580</v>
      </c>
      <c r="J33" s="18" t="s">
        <v>550</v>
      </c>
      <c r="K33" s="20" t="s">
        <v>0</v>
      </c>
      <c r="L33" s="21" t="s">
        <v>561</v>
      </c>
      <c r="M33" s="20" t="s">
        <v>561</v>
      </c>
      <c r="N33" s="22" t="s">
        <v>598</v>
      </c>
      <c r="O33" s="12" t="s">
        <v>4</v>
      </c>
      <c r="P33" s="12"/>
      <c r="Q33" s="18" t="s">
        <v>4</v>
      </c>
      <c r="R33" s="18" t="s">
        <v>4</v>
      </c>
      <c r="S33" s="18" t="s">
        <v>4</v>
      </c>
      <c r="T33" s="18" t="s">
        <v>4</v>
      </c>
      <c r="U33" s="18" t="s">
        <v>4</v>
      </c>
      <c r="V33" s="18" t="s">
        <v>4</v>
      </c>
      <c r="W33" s="18" t="s">
        <v>4</v>
      </c>
      <c r="X33" s="18" t="s">
        <v>4</v>
      </c>
      <c r="Y33" s="18" t="s">
        <v>4</v>
      </c>
      <c r="Z33" s="18" t="s">
        <v>4</v>
      </c>
      <c r="AA33" s="18" t="s">
        <v>4</v>
      </c>
      <c r="AB33" s="18" t="s">
        <v>4</v>
      </c>
      <c r="AC33" s="18" t="s">
        <v>4</v>
      </c>
      <c r="AD33" s="18" t="s">
        <v>4</v>
      </c>
      <c r="AE33" s="18" t="s">
        <v>4</v>
      </c>
      <c r="AF33" s="18" t="s">
        <v>4</v>
      </c>
      <c r="AG33" s="18" t="s">
        <v>4</v>
      </c>
      <c r="AH33" s="18" t="s">
        <v>4</v>
      </c>
      <c r="AI33" s="18" t="s">
        <v>4</v>
      </c>
      <c r="AJ33" s="18" t="s">
        <v>4</v>
      </c>
      <c r="AK33" s="18" t="s">
        <v>4</v>
      </c>
      <c r="AL33" s="18" t="s">
        <v>4</v>
      </c>
      <c r="AM33" s="18" t="s">
        <v>4</v>
      </c>
      <c r="AN33" s="18" t="s">
        <v>4</v>
      </c>
      <c r="AO33" s="18" t="s">
        <v>582</v>
      </c>
      <c r="AP33" s="18" t="s">
        <v>583</v>
      </c>
      <c r="AQ33" s="18" t="s">
        <v>583</v>
      </c>
      <c r="AR33" s="18" t="s">
        <v>583</v>
      </c>
      <c r="AS33" s="23"/>
      <c r="AT33" s="14"/>
      <c r="AU33" s="14"/>
      <c r="AV33" s="14"/>
      <c r="AW33" s="14"/>
      <c r="AX33" s="14"/>
    </row>
    <row r="34" spans="1:50" s="15" customFormat="1" ht="42.75" customHeight="1" x14ac:dyDescent="0.65">
      <c r="A34" s="7" t="s">
        <v>574</v>
      </c>
      <c r="B34" s="17" t="s">
        <v>542</v>
      </c>
      <c r="C34" s="17" t="s">
        <v>575</v>
      </c>
      <c r="D34" s="17" t="s">
        <v>576</v>
      </c>
      <c r="E34" s="7" t="s">
        <v>577</v>
      </c>
      <c r="F34" s="18" t="s">
        <v>578</v>
      </c>
      <c r="G34" s="18" t="s">
        <v>579</v>
      </c>
      <c r="H34" s="19" t="s">
        <v>548</v>
      </c>
      <c r="I34" s="18" t="s">
        <v>580</v>
      </c>
      <c r="J34" s="18" t="s">
        <v>550</v>
      </c>
      <c r="K34" s="20" t="s">
        <v>0</v>
      </c>
      <c r="L34" s="21" t="s">
        <v>561</v>
      </c>
      <c r="M34" s="20" t="s">
        <v>561</v>
      </c>
      <c r="N34" s="22" t="s">
        <v>599</v>
      </c>
      <c r="O34" s="12" t="s">
        <v>4</v>
      </c>
      <c r="P34" s="12"/>
      <c r="Q34" s="18" t="s">
        <v>4</v>
      </c>
      <c r="R34" s="18" t="s">
        <v>4</v>
      </c>
      <c r="S34" s="18" t="s">
        <v>4</v>
      </c>
      <c r="T34" s="18" t="s">
        <v>4</v>
      </c>
      <c r="U34" s="18" t="s">
        <v>4</v>
      </c>
      <c r="V34" s="18" t="s">
        <v>4</v>
      </c>
      <c r="W34" s="18" t="s">
        <v>4</v>
      </c>
      <c r="X34" s="18" t="s">
        <v>4</v>
      </c>
      <c r="Y34" s="18" t="s">
        <v>4</v>
      </c>
      <c r="Z34" s="18" t="s">
        <v>4</v>
      </c>
      <c r="AA34" s="18" t="s">
        <v>4</v>
      </c>
      <c r="AB34" s="18" t="s">
        <v>4</v>
      </c>
      <c r="AC34" s="18" t="s">
        <v>4</v>
      </c>
      <c r="AD34" s="18" t="s">
        <v>4</v>
      </c>
      <c r="AE34" s="18" t="s">
        <v>4</v>
      </c>
      <c r="AF34" s="18" t="s">
        <v>4</v>
      </c>
      <c r="AG34" s="18" t="s">
        <v>4</v>
      </c>
      <c r="AH34" s="18" t="s">
        <v>4</v>
      </c>
      <c r="AI34" s="18" t="s">
        <v>4</v>
      </c>
      <c r="AJ34" s="18" t="s">
        <v>4</v>
      </c>
      <c r="AK34" s="18" t="s">
        <v>4</v>
      </c>
      <c r="AL34" s="18" t="s">
        <v>4</v>
      </c>
      <c r="AM34" s="18" t="s">
        <v>4</v>
      </c>
      <c r="AN34" s="18" t="s">
        <v>4</v>
      </c>
      <c r="AO34" s="18" t="s">
        <v>582</v>
      </c>
      <c r="AP34" s="18" t="s">
        <v>583</v>
      </c>
      <c r="AQ34" s="18" t="s">
        <v>583</v>
      </c>
      <c r="AR34" s="18" t="s">
        <v>583</v>
      </c>
      <c r="AS34" s="23"/>
      <c r="AT34" s="14"/>
      <c r="AU34" s="14"/>
      <c r="AV34" s="14"/>
      <c r="AW34" s="14"/>
      <c r="AX34" s="14"/>
    </row>
    <row r="35" spans="1:50" s="15" customFormat="1" ht="42.75" customHeight="1" x14ac:dyDescent="0.65">
      <c r="A35" s="7" t="s">
        <v>574</v>
      </c>
      <c r="B35" s="17" t="s">
        <v>542</v>
      </c>
      <c r="C35" s="17" t="s">
        <v>575</v>
      </c>
      <c r="D35" s="17" t="s">
        <v>576</v>
      </c>
      <c r="E35" s="7" t="s">
        <v>577</v>
      </c>
      <c r="F35" s="18" t="s">
        <v>578</v>
      </c>
      <c r="G35" s="18" t="s">
        <v>579</v>
      </c>
      <c r="H35" s="19" t="s">
        <v>548</v>
      </c>
      <c r="I35" s="18" t="s">
        <v>580</v>
      </c>
      <c r="J35" s="18" t="s">
        <v>550</v>
      </c>
      <c r="K35" s="20" t="s">
        <v>0</v>
      </c>
      <c r="L35" s="21" t="s">
        <v>561</v>
      </c>
      <c r="M35" s="20" t="s">
        <v>561</v>
      </c>
      <c r="N35" s="22" t="s">
        <v>600</v>
      </c>
      <c r="O35" s="12" t="s">
        <v>4</v>
      </c>
      <c r="P35" s="12"/>
      <c r="Q35" s="18" t="s">
        <v>4</v>
      </c>
      <c r="R35" s="18" t="s">
        <v>4</v>
      </c>
      <c r="S35" s="18" t="s">
        <v>4</v>
      </c>
      <c r="T35" s="18" t="s">
        <v>4</v>
      </c>
      <c r="U35" s="18" t="s">
        <v>4</v>
      </c>
      <c r="V35" s="18" t="s">
        <v>4</v>
      </c>
      <c r="W35" s="18" t="s">
        <v>4</v>
      </c>
      <c r="X35" s="18" t="s">
        <v>4</v>
      </c>
      <c r="Y35" s="18" t="s">
        <v>4</v>
      </c>
      <c r="Z35" s="18" t="s">
        <v>4</v>
      </c>
      <c r="AA35" s="18" t="s">
        <v>4</v>
      </c>
      <c r="AB35" s="18" t="s">
        <v>4</v>
      </c>
      <c r="AC35" s="18" t="s">
        <v>4</v>
      </c>
      <c r="AD35" s="18" t="s">
        <v>4</v>
      </c>
      <c r="AE35" s="18" t="s">
        <v>4</v>
      </c>
      <c r="AF35" s="18" t="s">
        <v>4</v>
      </c>
      <c r="AG35" s="18" t="s">
        <v>4</v>
      </c>
      <c r="AH35" s="18" t="s">
        <v>4</v>
      </c>
      <c r="AI35" s="18" t="s">
        <v>4</v>
      </c>
      <c r="AJ35" s="18" t="s">
        <v>4</v>
      </c>
      <c r="AK35" s="18" t="s">
        <v>4</v>
      </c>
      <c r="AL35" s="18" t="s">
        <v>4</v>
      </c>
      <c r="AM35" s="18" t="s">
        <v>4</v>
      </c>
      <c r="AN35" s="18" t="s">
        <v>4</v>
      </c>
      <c r="AO35" s="18" t="s">
        <v>582</v>
      </c>
      <c r="AP35" s="18" t="s">
        <v>583</v>
      </c>
      <c r="AQ35" s="18" t="s">
        <v>583</v>
      </c>
      <c r="AR35" s="18" t="s">
        <v>583</v>
      </c>
      <c r="AS35" s="23"/>
      <c r="AT35" s="14"/>
      <c r="AU35" s="14"/>
      <c r="AV35" s="14"/>
      <c r="AW35" s="14"/>
      <c r="AX35" s="14"/>
    </row>
    <row r="36" spans="1:50" s="15" customFormat="1" ht="42.75" customHeight="1" x14ac:dyDescent="0.65">
      <c r="A36" s="7" t="s">
        <v>574</v>
      </c>
      <c r="B36" s="17" t="s">
        <v>542</v>
      </c>
      <c r="C36" s="17" t="s">
        <v>575</v>
      </c>
      <c r="D36" s="17" t="s">
        <v>576</v>
      </c>
      <c r="E36" s="7" t="s">
        <v>577</v>
      </c>
      <c r="F36" s="18" t="s">
        <v>578</v>
      </c>
      <c r="G36" s="18" t="s">
        <v>579</v>
      </c>
      <c r="H36" s="19" t="s">
        <v>548</v>
      </c>
      <c r="I36" s="18" t="s">
        <v>580</v>
      </c>
      <c r="J36" s="18" t="s">
        <v>550</v>
      </c>
      <c r="K36" s="20" t="s">
        <v>0</v>
      </c>
      <c r="L36" s="21" t="s">
        <v>561</v>
      </c>
      <c r="M36" s="20" t="s">
        <v>561</v>
      </c>
      <c r="N36" s="22" t="s">
        <v>601</v>
      </c>
      <c r="O36" s="12" t="s">
        <v>4</v>
      </c>
      <c r="P36" s="12"/>
      <c r="Q36" s="18" t="s">
        <v>4</v>
      </c>
      <c r="R36" s="18" t="s">
        <v>4</v>
      </c>
      <c r="S36" s="18" t="s">
        <v>4</v>
      </c>
      <c r="T36" s="18" t="s">
        <v>4</v>
      </c>
      <c r="U36" s="18" t="s">
        <v>4</v>
      </c>
      <c r="V36" s="18" t="s">
        <v>4</v>
      </c>
      <c r="W36" s="18" t="s">
        <v>4</v>
      </c>
      <c r="X36" s="18" t="s">
        <v>4</v>
      </c>
      <c r="Y36" s="18" t="s">
        <v>4</v>
      </c>
      <c r="Z36" s="18" t="s">
        <v>4</v>
      </c>
      <c r="AA36" s="18" t="s">
        <v>4</v>
      </c>
      <c r="AB36" s="18" t="s">
        <v>4</v>
      </c>
      <c r="AC36" s="18" t="s">
        <v>4</v>
      </c>
      <c r="AD36" s="18" t="s">
        <v>4</v>
      </c>
      <c r="AE36" s="18" t="s">
        <v>4</v>
      </c>
      <c r="AF36" s="18" t="s">
        <v>4</v>
      </c>
      <c r="AG36" s="18" t="s">
        <v>4</v>
      </c>
      <c r="AH36" s="18" t="s">
        <v>4</v>
      </c>
      <c r="AI36" s="18" t="s">
        <v>4</v>
      </c>
      <c r="AJ36" s="18" t="s">
        <v>4</v>
      </c>
      <c r="AK36" s="18" t="s">
        <v>4</v>
      </c>
      <c r="AL36" s="18" t="s">
        <v>4</v>
      </c>
      <c r="AM36" s="18" t="s">
        <v>4</v>
      </c>
      <c r="AN36" s="18" t="s">
        <v>4</v>
      </c>
      <c r="AO36" s="18" t="s">
        <v>582</v>
      </c>
      <c r="AP36" s="18" t="s">
        <v>583</v>
      </c>
      <c r="AQ36" s="18" t="s">
        <v>583</v>
      </c>
      <c r="AR36" s="18" t="s">
        <v>583</v>
      </c>
      <c r="AS36" s="23"/>
      <c r="AT36" s="14"/>
      <c r="AU36" s="14"/>
      <c r="AV36" s="14"/>
      <c r="AW36" s="14"/>
      <c r="AX36" s="14"/>
    </row>
    <row r="37" spans="1:50" s="15" customFormat="1" ht="42.75" customHeight="1" x14ac:dyDescent="0.65">
      <c r="A37" s="7" t="s">
        <v>574</v>
      </c>
      <c r="B37" s="17" t="s">
        <v>542</v>
      </c>
      <c r="C37" s="17" t="s">
        <v>575</v>
      </c>
      <c r="D37" s="17" t="s">
        <v>576</v>
      </c>
      <c r="E37" s="7" t="s">
        <v>577</v>
      </c>
      <c r="F37" s="18" t="s">
        <v>578</v>
      </c>
      <c r="G37" s="18" t="s">
        <v>579</v>
      </c>
      <c r="H37" s="19" t="s">
        <v>548</v>
      </c>
      <c r="I37" s="18" t="s">
        <v>580</v>
      </c>
      <c r="J37" s="18" t="s">
        <v>550</v>
      </c>
      <c r="K37" s="20" t="s">
        <v>0</v>
      </c>
      <c r="L37" s="21" t="s">
        <v>561</v>
      </c>
      <c r="M37" s="20" t="s">
        <v>561</v>
      </c>
      <c r="N37" s="22" t="s">
        <v>602</v>
      </c>
      <c r="O37" s="12" t="s">
        <v>4</v>
      </c>
      <c r="P37" s="12"/>
      <c r="Q37" s="18" t="s">
        <v>4</v>
      </c>
      <c r="R37" s="18" t="s">
        <v>4</v>
      </c>
      <c r="S37" s="18" t="s">
        <v>4</v>
      </c>
      <c r="T37" s="18" t="s">
        <v>4</v>
      </c>
      <c r="U37" s="18" t="s">
        <v>4</v>
      </c>
      <c r="V37" s="18" t="s">
        <v>4</v>
      </c>
      <c r="W37" s="18" t="s">
        <v>4</v>
      </c>
      <c r="X37" s="18" t="s">
        <v>4</v>
      </c>
      <c r="Y37" s="18" t="s">
        <v>4</v>
      </c>
      <c r="Z37" s="18" t="s">
        <v>4</v>
      </c>
      <c r="AA37" s="18" t="s">
        <v>4</v>
      </c>
      <c r="AB37" s="18" t="s">
        <v>4</v>
      </c>
      <c r="AC37" s="18" t="s">
        <v>4</v>
      </c>
      <c r="AD37" s="18" t="s">
        <v>4</v>
      </c>
      <c r="AE37" s="18" t="s">
        <v>4</v>
      </c>
      <c r="AF37" s="18" t="s">
        <v>4</v>
      </c>
      <c r="AG37" s="18" t="s">
        <v>4</v>
      </c>
      <c r="AH37" s="18" t="s">
        <v>4</v>
      </c>
      <c r="AI37" s="18" t="s">
        <v>4</v>
      </c>
      <c r="AJ37" s="18" t="s">
        <v>4</v>
      </c>
      <c r="AK37" s="18" t="s">
        <v>4</v>
      </c>
      <c r="AL37" s="18" t="s">
        <v>4</v>
      </c>
      <c r="AM37" s="18" t="s">
        <v>4</v>
      </c>
      <c r="AN37" s="18" t="s">
        <v>4</v>
      </c>
      <c r="AO37" s="18" t="s">
        <v>582</v>
      </c>
      <c r="AP37" s="18" t="s">
        <v>583</v>
      </c>
      <c r="AQ37" s="18" t="s">
        <v>583</v>
      </c>
      <c r="AR37" s="18" t="s">
        <v>583</v>
      </c>
      <c r="AS37" s="23"/>
      <c r="AT37" s="14"/>
      <c r="AU37" s="14"/>
      <c r="AV37" s="14"/>
      <c r="AW37" s="14"/>
      <c r="AX37" s="14"/>
    </row>
    <row r="38" spans="1:50" s="15" customFormat="1" ht="42.75" customHeight="1" x14ac:dyDescent="0.65">
      <c r="A38" s="7" t="s">
        <v>574</v>
      </c>
      <c r="B38" s="17" t="s">
        <v>542</v>
      </c>
      <c r="C38" s="17" t="s">
        <v>575</v>
      </c>
      <c r="D38" s="17" t="s">
        <v>576</v>
      </c>
      <c r="E38" s="7" t="s">
        <v>577</v>
      </c>
      <c r="F38" s="18" t="s">
        <v>578</v>
      </c>
      <c r="G38" s="18" t="s">
        <v>579</v>
      </c>
      <c r="H38" s="19" t="s">
        <v>548</v>
      </c>
      <c r="I38" s="18" t="s">
        <v>580</v>
      </c>
      <c r="J38" s="18" t="s">
        <v>550</v>
      </c>
      <c r="K38" s="20" t="s">
        <v>0</v>
      </c>
      <c r="L38" s="21" t="s">
        <v>561</v>
      </c>
      <c r="M38" s="20" t="s">
        <v>561</v>
      </c>
      <c r="N38" s="22" t="s">
        <v>603</v>
      </c>
      <c r="O38" s="12" t="s">
        <v>4</v>
      </c>
      <c r="P38" s="12"/>
      <c r="Q38" s="18" t="s">
        <v>4</v>
      </c>
      <c r="R38" s="18" t="s">
        <v>4</v>
      </c>
      <c r="S38" s="18" t="s">
        <v>4</v>
      </c>
      <c r="T38" s="18" t="s">
        <v>4</v>
      </c>
      <c r="U38" s="18" t="s">
        <v>4</v>
      </c>
      <c r="V38" s="18" t="s">
        <v>4</v>
      </c>
      <c r="W38" s="18" t="s">
        <v>4</v>
      </c>
      <c r="X38" s="18" t="s">
        <v>4</v>
      </c>
      <c r="Y38" s="18" t="s">
        <v>4</v>
      </c>
      <c r="Z38" s="18" t="s">
        <v>4</v>
      </c>
      <c r="AA38" s="18" t="s">
        <v>4</v>
      </c>
      <c r="AB38" s="18" t="s">
        <v>4</v>
      </c>
      <c r="AC38" s="18" t="s">
        <v>4</v>
      </c>
      <c r="AD38" s="18" t="s">
        <v>4</v>
      </c>
      <c r="AE38" s="18" t="s">
        <v>4</v>
      </c>
      <c r="AF38" s="18" t="s">
        <v>4</v>
      </c>
      <c r="AG38" s="18" t="s">
        <v>4</v>
      </c>
      <c r="AH38" s="18" t="s">
        <v>4</v>
      </c>
      <c r="AI38" s="18" t="s">
        <v>4</v>
      </c>
      <c r="AJ38" s="18" t="s">
        <v>4</v>
      </c>
      <c r="AK38" s="18" t="s">
        <v>4</v>
      </c>
      <c r="AL38" s="18" t="s">
        <v>4</v>
      </c>
      <c r="AM38" s="18" t="s">
        <v>4</v>
      </c>
      <c r="AN38" s="18" t="s">
        <v>4</v>
      </c>
      <c r="AO38" s="18" t="s">
        <v>582</v>
      </c>
      <c r="AP38" s="18" t="s">
        <v>583</v>
      </c>
      <c r="AQ38" s="18" t="s">
        <v>583</v>
      </c>
      <c r="AR38" s="18" t="s">
        <v>583</v>
      </c>
      <c r="AS38" s="23"/>
      <c r="AT38" s="14"/>
      <c r="AU38" s="14"/>
      <c r="AV38" s="14"/>
      <c r="AW38" s="14"/>
      <c r="AX38" s="14"/>
    </row>
    <row r="39" spans="1:50" s="15" customFormat="1" ht="42.75" customHeight="1" x14ac:dyDescent="0.65">
      <c r="A39" s="7" t="s">
        <v>574</v>
      </c>
      <c r="B39" s="17" t="s">
        <v>542</v>
      </c>
      <c r="C39" s="17" t="s">
        <v>575</v>
      </c>
      <c r="D39" s="17" t="s">
        <v>576</v>
      </c>
      <c r="E39" s="7" t="s">
        <v>577</v>
      </c>
      <c r="F39" s="18" t="s">
        <v>578</v>
      </c>
      <c r="G39" s="18" t="s">
        <v>579</v>
      </c>
      <c r="H39" s="19" t="s">
        <v>548</v>
      </c>
      <c r="I39" s="18" t="s">
        <v>580</v>
      </c>
      <c r="J39" s="18"/>
      <c r="K39" s="20" t="s">
        <v>0</v>
      </c>
      <c r="L39" s="21" t="s">
        <v>558</v>
      </c>
      <c r="M39" s="20" t="s">
        <v>521</v>
      </c>
      <c r="N39" s="22" t="s">
        <v>604</v>
      </c>
      <c r="O39" s="12" t="s">
        <v>4</v>
      </c>
      <c r="P39" s="12"/>
      <c r="Q39" s="18" t="s">
        <v>4</v>
      </c>
      <c r="R39" s="18" t="s">
        <v>4</v>
      </c>
      <c r="S39" s="18" t="s">
        <v>4</v>
      </c>
      <c r="T39" s="18" t="s">
        <v>4</v>
      </c>
      <c r="U39" s="18" t="s">
        <v>4</v>
      </c>
      <c r="V39" s="18" t="s">
        <v>4</v>
      </c>
      <c r="W39" s="18" t="s">
        <v>4</v>
      </c>
      <c r="X39" s="18" t="s">
        <v>4</v>
      </c>
      <c r="Y39" s="18" t="s">
        <v>4</v>
      </c>
      <c r="Z39" s="18" t="s">
        <v>4</v>
      </c>
      <c r="AA39" s="18" t="s">
        <v>4</v>
      </c>
      <c r="AB39" s="18" t="s">
        <v>4</v>
      </c>
      <c r="AC39" s="18" t="s">
        <v>4</v>
      </c>
      <c r="AD39" s="18" t="s">
        <v>4</v>
      </c>
      <c r="AE39" s="18" t="s">
        <v>4</v>
      </c>
      <c r="AF39" s="18" t="s">
        <v>4</v>
      </c>
      <c r="AG39" s="18" t="s">
        <v>4</v>
      </c>
      <c r="AH39" s="18" t="s">
        <v>4</v>
      </c>
      <c r="AI39" s="18" t="s">
        <v>4</v>
      </c>
      <c r="AJ39" s="18" t="s">
        <v>4</v>
      </c>
      <c r="AK39" s="18" t="s">
        <v>4</v>
      </c>
      <c r="AL39" s="18" t="s">
        <v>4</v>
      </c>
      <c r="AM39" s="18" t="s">
        <v>4</v>
      </c>
      <c r="AN39" s="18" t="s">
        <v>4</v>
      </c>
      <c r="AO39" s="18" t="s">
        <v>582</v>
      </c>
      <c r="AP39" s="18" t="s">
        <v>583</v>
      </c>
      <c r="AQ39" s="18" t="s">
        <v>583</v>
      </c>
      <c r="AR39" s="18" t="s">
        <v>583</v>
      </c>
      <c r="AS39" s="23" t="s">
        <v>605</v>
      </c>
      <c r="AT39" s="14"/>
      <c r="AU39" s="14"/>
      <c r="AV39" s="14"/>
      <c r="AW39" s="14"/>
      <c r="AX39" s="14"/>
    </row>
    <row r="40" spans="1:50" s="15" customFormat="1" ht="42.75" customHeight="1" x14ac:dyDescent="0.65">
      <c r="A40" s="7" t="s">
        <v>574</v>
      </c>
      <c r="B40" s="17" t="s">
        <v>542</v>
      </c>
      <c r="C40" s="17" t="s">
        <v>575</v>
      </c>
      <c r="D40" s="17" t="s">
        <v>576</v>
      </c>
      <c r="E40" s="7" t="s">
        <v>577</v>
      </c>
      <c r="F40" s="18" t="s">
        <v>578</v>
      </c>
      <c r="G40" s="18" t="s">
        <v>579</v>
      </c>
      <c r="H40" s="19" t="s">
        <v>548</v>
      </c>
      <c r="I40" s="18" t="s">
        <v>580</v>
      </c>
      <c r="J40" s="18"/>
      <c r="K40" s="20" t="s">
        <v>0</v>
      </c>
      <c r="L40" s="21" t="s">
        <v>558</v>
      </c>
      <c r="M40" s="20" t="s">
        <v>70</v>
      </c>
      <c r="N40" s="22" t="s">
        <v>606</v>
      </c>
      <c r="O40" s="12" t="s">
        <v>4</v>
      </c>
      <c r="P40" s="12"/>
      <c r="Q40" s="18" t="s">
        <v>4</v>
      </c>
      <c r="R40" s="18" t="s">
        <v>4</v>
      </c>
      <c r="S40" s="18" t="s">
        <v>4</v>
      </c>
      <c r="T40" s="18" t="s">
        <v>4</v>
      </c>
      <c r="U40" s="18" t="s">
        <v>4</v>
      </c>
      <c r="V40" s="18" t="s">
        <v>4</v>
      </c>
      <c r="W40" s="18" t="s">
        <v>4</v>
      </c>
      <c r="X40" s="18" t="s">
        <v>4</v>
      </c>
      <c r="Y40" s="18" t="s">
        <v>4</v>
      </c>
      <c r="Z40" s="18" t="s">
        <v>4</v>
      </c>
      <c r="AA40" s="18" t="s">
        <v>4</v>
      </c>
      <c r="AB40" s="18" t="s">
        <v>4</v>
      </c>
      <c r="AC40" s="18" t="s">
        <v>4</v>
      </c>
      <c r="AD40" s="18" t="s">
        <v>4</v>
      </c>
      <c r="AE40" s="18" t="s">
        <v>4</v>
      </c>
      <c r="AF40" s="18" t="s">
        <v>4</v>
      </c>
      <c r="AG40" s="18" t="s">
        <v>4</v>
      </c>
      <c r="AH40" s="18" t="s">
        <v>4</v>
      </c>
      <c r="AI40" s="18" t="s">
        <v>4</v>
      </c>
      <c r="AJ40" s="18" t="s">
        <v>4</v>
      </c>
      <c r="AK40" s="18" t="s">
        <v>4</v>
      </c>
      <c r="AL40" s="18" t="s">
        <v>4</v>
      </c>
      <c r="AM40" s="18" t="s">
        <v>4</v>
      </c>
      <c r="AN40" s="18" t="s">
        <v>4</v>
      </c>
      <c r="AO40" s="18" t="s">
        <v>582</v>
      </c>
      <c r="AP40" s="18" t="s">
        <v>583</v>
      </c>
      <c r="AQ40" s="18" t="s">
        <v>583</v>
      </c>
      <c r="AR40" s="18" t="s">
        <v>583</v>
      </c>
      <c r="AS40" s="23"/>
      <c r="AT40" s="14"/>
      <c r="AU40" s="14"/>
      <c r="AV40" s="14"/>
      <c r="AW40" s="14"/>
      <c r="AX40" s="14"/>
    </row>
    <row r="41" spans="1:50" s="15" customFormat="1" ht="42.75" customHeight="1" x14ac:dyDescent="0.65">
      <c r="A41" s="7" t="s">
        <v>574</v>
      </c>
      <c r="B41" s="17" t="s">
        <v>542</v>
      </c>
      <c r="C41" s="17" t="s">
        <v>575</v>
      </c>
      <c r="D41" s="17" t="s">
        <v>576</v>
      </c>
      <c r="E41" s="7" t="s">
        <v>577</v>
      </c>
      <c r="F41" s="18" t="s">
        <v>578</v>
      </c>
      <c r="G41" s="18" t="s">
        <v>579</v>
      </c>
      <c r="H41" s="19" t="s">
        <v>548</v>
      </c>
      <c r="I41" s="18" t="s">
        <v>580</v>
      </c>
      <c r="J41" s="18" t="s">
        <v>550</v>
      </c>
      <c r="K41" s="20" t="s">
        <v>0</v>
      </c>
      <c r="L41" s="21" t="s">
        <v>607</v>
      </c>
      <c r="M41" s="20" t="s">
        <v>607</v>
      </c>
      <c r="N41" s="22" t="s">
        <v>608</v>
      </c>
      <c r="O41" s="12" t="s">
        <v>4</v>
      </c>
      <c r="P41" s="12"/>
      <c r="Q41" s="18" t="s">
        <v>4</v>
      </c>
      <c r="R41" s="18" t="s">
        <v>4</v>
      </c>
      <c r="S41" s="18" t="s">
        <v>4</v>
      </c>
      <c r="T41" s="18" t="s">
        <v>4</v>
      </c>
      <c r="U41" s="18" t="s">
        <v>4</v>
      </c>
      <c r="V41" s="18" t="s">
        <v>4</v>
      </c>
      <c r="W41" s="18" t="s">
        <v>4</v>
      </c>
      <c r="X41" s="18" t="s">
        <v>4</v>
      </c>
      <c r="Y41" s="18" t="s">
        <v>4</v>
      </c>
      <c r="Z41" s="18" t="s">
        <v>4</v>
      </c>
      <c r="AA41" s="18" t="s">
        <v>4</v>
      </c>
      <c r="AB41" s="18" t="s">
        <v>4</v>
      </c>
      <c r="AC41" s="18" t="s">
        <v>4</v>
      </c>
      <c r="AD41" s="18" t="s">
        <v>4</v>
      </c>
      <c r="AE41" s="18" t="s">
        <v>4</v>
      </c>
      <c r="AF41" s="18" t="s">
        <v>4</v>
      </c>
      <c r="AG41" s="18" t="s">
        <v>4</v>
      </c>
      <c r="AH41" s="18" t="s">
        <v>4</v>
      </c>
      <c r="AI41" s="18" t="s">
        <v>4</v>
      </c>
      <c r="AJ41" s="18" t="s">
        <v>4</v>
      </c>
      <c r="AK41" s="18" t="s">
        <v>4</v>
      </c>
      <c r="AL41" s="18" t="s">
        <v>4</v>
      </c>
      <c r="AM41" s="18" t="s">
        <v>4</v>
      </c>
      <c r="AN41" s="18" t="s">
        <v>4</v>
      </c>
      <c r="AO41" s="18" t="s">
        <v>582</v>
      </c>
      <c r="AP41" s="18" t="s">
        <v>583</v>
      </c>
      <c r="AQ41" s="18" t="s">
        <v>583</v>
      </c>
      <c r="AR41" s="18" t="s">
        <v>583</v>
      </c>
      <c r="AS41" s="23"/>
      <c r="AT41" s="14"/>
      <c r="AU41" s="14"/>
      <c r="AV41" s="14"/>
      <c r="AW41" s="14"/>
      <c r="AX41" s="14"/>
    </row>
    <row r="42" spans="1:50" s="15" customFormat="1" ht="42.75" customHeight="1" x14ac:dyDescent="0.65">
      <c r="A42" s="7" t="s">
        <v>574</v>
      </c>
      <c r="B42" s="17" t="s">
        <v>542</v>
      </c>
      <c r="C42" s="17" t="s">
        <v>575</v>
      </c>
      <c r="D42" s="17" t="s">
        <v>576</v>
      </c>
      <c r="E42" s="7" t="s">
        <v>577</v>
      </c>
      <c r="F42" s="18" t="s">
        <v>578</v>
      </c>
      <c r="G42" s="18" t="s">
        <v>579</v>
      </c>
      <c r="H42" s="19" t="s">
        <v>548</v>
      </c>
      <c r="I42" s="18" t="s">
        <v>580</v>
      </c>
      <c r="J42" s="18" t="s">
        <v>550</v>
      </c>
      <c r="K42" s="20" t="s">
        <v>0</v>
      </c>
      <c r="L42" s="21" t="s">
        <v>607</v>
      </c>
      <c r="M42" s="20" t="s">
        <v>607</v>
      </c>
      <c r="N42" s="22" t="s">
        <v>609</v>
      </c>
      <c r="O42" s="12" t="s">
        <v>4</v>
      </c>
      <c r="P42" s="12"/>
      <c r="Q42" s="18" t="s">
        <v>4</v>
      </c>
      <c r="R42" s="18" t="s">
        <v>4</v>
      </c>
      <c r="S42" s="18" t="s">
        <v>4</v>
      </c>
      <c r="T42" s="18" t="s">
        <v>4</v>
      </c>
      <c r="U42" s="18" t="s">
        <v>4</v>
      </c>
      <c r="V42" s="18" t="s">
        <v>4</v>
      </c>
      <c r="W42" s="18" t="s">
        <v>4</v>
      </c>
      <c r="X42" s="18" t="s">
        <v>4</v>
      </c>
      <c r="Y42" s="18" t="s">
        <v>4</v>
      </c>
      <c r="Z42" s="18" t="s">
        <v>4</v>
      </c>
      <c r="AA42" s="18" t="s">
        <v>4</v>
      </c>
      <c r="AB42" s="18" t="s">
        <v>4</v>
      </c>
      <c r="AC42" s="18" t="s">
        <v>4</v>
      </c>
      <c r="AD42" s="18" t="s">
        <v>4</v>
      </c>
      <c r="AE42" s="18" t="s">
        <v>4</v>
      </c>
      <c r="AF42" s="18" t="s">
        <v>4</v>
      </c>
      <c r="AG42" s="18" t="s">
        <v>4</v>
      </c>
      <c r="AH42" s="18" t="s">
        <v>4</v>
      </c>
      <c r="AI42" s="18" t="s">
        <v>4</v>
      </c>
      <c r="AJ42" s="18" t="s">
        <v>4</v>
      </c>
      <c r="AK42" s="18" t="s">
        <v>4</v>
      </c>
      <c r="AL42" s="18" t="s">
        <v>4</v>
      </c>
      <c r="AM42" s="18" t="s">
        <v>4</v>
      </c>
      <c r="AN42" s="18" t="s">
        <v>4</v>
      </c>
      <c r="AO42" s="18" t="s">
        <v>582</v>
      </c>
      <c r="AP42" s="18" t="s">
        <v>583</v>
      </c>
      <c r="AQ42" s="18" t="s">
        <v>583</v>
      </c>
      <c r="AR42" s="18" t="s">
        <v>583</v>
      </c>
      <c r="AS42" s="23"/>
      <c r="AT42" s="14"/>
      <c r="AU42" s="14"/>
      <c r="AV42" s="14"/>
      <c r="AW42" s="14"/>
      <c r="AX42" s="14"/>
    </row>
    <row r="43" spans="1:50" s="15" customFormat="1" ht="42.75" customHeight="1" x14ac:dyDescent="0.65">
      <c r="A43" s="7" t="s">
        <v>574</v>
      </c>
      <c r="B43" s="17" t="s">
        <v>542</v>
      </c>
      <c r="C43" s="17" t="s">
        <v>575</v>
      </c>
      <c r="D43" s="17" t="s">
        <v>576</v>
      </c>
      <c r="E43" s="7" t="s">
        <v>577</v>
      </c>
      <c r="F43" s="18" t="s">
        <v>578</v>
      </c>
      <c r="G43" s="18" t="s">
        <v>579</v>
      </c>
      <c r="H43" s="19" t="s">
        <v>548</v>
      </c>
      <c r="I43" s="18" t="s">
        <v>580</v>
      </c>
      <c r="J43" s="18" t="s">
        <v>550</v>
      </c>
      <c r="K43" s="20" t="s">
        <v>0</v>
      </c>
      <c r="L43" s="21" t="s">
        <v>607</v>
      </c>
      <c r="M43" s="20" t="s">
        <v>607</v>
      </c>
      <c r="N43" s="22" t="s">
        <v>610</v>
      </c>
      <c r="O43" s="12" t="s">
        <v>4</v>
      </c>
      <c r="P43" s="12"/>
      <c r="Q43" s="18" t="s">
        <v>4</v>
      </c>
      <c r="R43" s="18" t="s">
        <v>4</v>
      </c>
      <c r="S43" s="18" t="s">
        <v>4</v>
      </c>
      <c r="T43" s="18" t="s">
        <v>4</v>
      </c>
      <c r="U43" s="18" t="s">
        <v>4</v>
      </c>
      <c r="V43" s="18" t="s">
        <v>4</v>
      </c>
      <c r="W43" s="18" t="s">
        <v>4</v>
      </c>
      <c r="X43" s="18" t="s">
        <v>4</v>
      </c>
      <c r="Y43" s="18" t="s">
        <v>4</v>
      </c>
      <c r="Z43" s="18" t="s">
        <v>4</v>
      </c>
      <c r="AA43" s="18" t="s">
        <v>4</v>
      </c>
      <c r="AB43" s="18" t="s">
        <v>4</v>
      </c>
      <c r="AC43" s="18" t="s">
        <v>4</v>
      </c>
      <c r="AD43" s="18" t="s">
        <v>4</v>
      </c>
      <c r="AE43" s="18" t="s">
        <v>4</v>
      </c>
      <c r="AF43" s="18" t="s">
        <v>4</v>
      </c>
      <c r="AG43" s="18" t="s">
        <v>4</v>
      </c>
      <c r="AH43" s="18" t="s">
        <v>4</v>
      </c>
      <c r="AI43" s="18" t="s">
        <v>4</v>
      </c>
      <c r="AJ43" s="18" t="s">
        <v>4</v>
      </c>
      <c r="AK43" s="18" t="s">
        <v>4</v>
      </c>
      <c r="AL43" s="18" t="s">
        <v>4</v>
      </c>
      <c r="AM43" s="18" t="s">
        <v>4</v>
      </c>
      <c r="AN43" s="18" t="s">
        <v>4</v>
      </c>
      <c r="AO43" s="18" t="s">
        <v>582</v>
      </c>
      <c r="AP43" s="18" t="s">
        <v>583</v>
      </c>
      <c r="AQ43" s="18" t="s">
        <v>583</v>
      </c>
      <c r="AR43" s="18" t="s">
        <v>583</v>
      </c>
      <c r="AS43" s="23"/>
      <c r="AT43" s="14"/>
      <c r="AU43" s="14"/>
      <c r="AV43" s="14"/>
      <c r="AW43" s="14"/>
      <c r="AX43" s="14"/>
    </row>
    <row r="44" spans="1:50" s="15" customFormat="1" ht="42.75" customHeight="1" x14ac:dyDescent="0.65">
      <c r="A44" s="7" t="s">
        <v>574</v>
      </c>
      <c r="B44" s="17" t="s">
        <v>542</v>
      </c>
      <c r="C44" s="17" t="s">
        <v>575</v>
      </c>
      <c r="D44" s="17" t="s">
        <v>576</v>
      </c>
      <c r="E44" s="7" t="s">
        <v>577</v>
      </c>
      <c r="F44" s="18" t="s">
        <v>578</v>
      </c>
      <c r="G44" s="18" t="s">
        <v>579</v>
      </c>
      <c r="H44" s="19" t="s">
        <v>548</v>
      </c>
      <c r="I44" s="18" t="s">
        <v>580</v>
      </c>
      <c r="J44" s="18" t="s">
        <v>550</v>
      </c>
      <c r="K44" s="20" t="s">
        <v>0</v>
      </c>
      <c r="L44" s="21" t="s">
        <v>607</v>
      </c>
      <c r="M44" s="20" t="s">
        <v>607</v>
      </c>
      <c r="N44" s="22" t="s">
        <v>611</v>
      </c>
      <c r="O44" s="12" t="s">
        <v>4</v>
      </c>
      <c r="P44" s="12"/>
      <c r="Q44" s="18" t="s">
        <v>4</v>
      </c>
      <c r="R44" s="18" t="s">
        <v>4</v>
      </c>
      <c r="S44" s="18" t="s">
        <v>4</v>
      </c>
      <c r="T44" s="18" t="s">
        <v>4</v>
      </c>
      <c r="U44" s="18" t="s">
        <v>4</v>
      </c>
      <c r="V44" s="18" t="s">
        <v>4</v>
      </c>
      <c r="W44" s="18" t="s">
        <v>4</v>
      </c>
      <c r="X44" s="18" t="s">
        <v>4</v>
      </c>
      <c r="Y44" s="18" t="s">
        <v>4</v>
      </c>
      <c r="Z44" s="18" t="s">
        <v>4</v>
      </c>
      <c r="AA44" s="18" t="s">
        <v>4</v>
      </c>
      <c r="AB44" s="18" t="s">
        <v>4</v>
      </c>
      <c r="AC44" s="18" t="s">
        <v>4</v>
      </c>
      <c r="AD44" s="18" t="s">
        <v>4</v>
      </c>
      <c r="AE44" s="18" t="s">
        <v>4</v>
      </c>
      <c r="AF44" s="18" t="s">
        <v>4</v>
      </c>
      <c r="AG44" s="18" t="s">
        <v>4</v>
      </c>
      <c r="AH44" s="18" t="s">
        <v>4</v>
      </c>
      <c r="AI44" s="18" t="s">
        <v>4</v>
      </c>
      <c r="AJ44" s="18" t="s">
        <v>4</v>
      </c>
      <c r="AK44" s="18" t="s">
        <v>4</v>
      </c>
      <c r="AL44" s="18" t="s">
        <v>4</v>
      </c>
      <c r="AM44" s="18" t="s">
        <v>4</v>
      </c>
      <c r="AN44" s="18" t="s">
        <v>4</v>
      </c>
      <c r="AO44" s="18" t="s">
        <v>582</v>
      </c>
      <c r="AP44" s="18" t="s">
        <v>583</v>
      </c>
      <c r="AQ44" s="18" t="s">
        <v>583</v>
      </c>
      <c r="AR44" s="18" t="s">
        <v>583</v>
      </c>
      <c r="AS44" s="23"/>
      <c r="AT44" s="14"/>
      <c r="AU44" s="14"/>
      <c r="AV44" s="14"/>
      <c r="AW44" s="14"/>
      <c r="AX44" s="14"/>
    </row>
    <row r="45" spans="1:50" s="15" customFormat="1" ht="42.75" customHeight="1" x14ac:dyDescent="0.65">
      <c r="A45" s="7" t="s">
        <v>574</v>
      </c>
      <c r="B45" s="17" t="s">
        <v>542</v>
      </c>
      <c r="C45" s="17" t="s">
        <v>575</v>
      </c>
      <c r="D45" s="17" t="s">
        <v>576</v>
      </c>
      <c r="E45" s="7" t="s">
        <v>577</v>
      </c>
      <c r="F45" s="18" t="s">
        <v>578</v>
      </c>
      <c r="G45" s="18" t="s">
        <v>579</v>
      </c>
      <c r="H45" s="19" t="s">
        <v>548</v>
      </c>
      <c r="I45" s="18" t="s">
        <v>580</v>
      </c>
      <c r="J45" s="18" t="s">
        <v>550</v>
      </c>
      <c r="K45" s="20" t="s">
        <v>0</v>
      </c>
      <c r="L45" s="21" t="s">
        <v>607</v>
      </c>
      <c r="M45" s="20" t="s">
        <v>607</v>
      </c>
      <c r="N45" s="22" t="s">
        <v>612</v>
      </c>
      <c r="O45" s="12" t="s">
        <v>4</v>
      </c>
      <c r="P45" s="12"/>
      <c r="Q45" s="18" t="s">
        <v>4</v>
      </c>
      <c r="R45" s="18" t="s">
        <v>4</v>
      </c>
      <c r="S45" s="18" t="s">
        <v>4</v>
      </c>
      <c r="T45" s="18" t="s">
        <v>4</v>
      </c>
      <c r="U45" s="18" t="s">
        <v>4</v>
      </c>
      <c r="V45" s="18" t="s">
        <v>4</v>
      </c>
      <c r="W45" s="18" t="s">
        <v>4</v>
      </c>
      <c r="X45" s="18" t="s">
        <v>4</v>
      </c>
      <c r="Y45" s="18" t="s">
        <v>4</v>
      </c>
      <c r="Z45" s="18" t="s">
        <v>4</v>
      </c>
      <c r="AA45" s="18" t="s">
        <v>4</v>
      </c>
      <c r="AB45" s="18" t="s">
        <v>4</v>
      </c>
      <c r="AC45" s="18" t="s">
        <v>4</v>
      </c>
      <c r="AD45" s="18" t="s">
        <v>4</v>
      </c>
      <c r="AE45" s="18" t="s">
        <v>4</v>
      </c>
      <c r="AF45" s="18" t="s">
        <v>4</v>
      </c>
      <c r="AG45" s="18" t="s">
        <v>4</v>
      </c>
      <c r="AH45" s="18" t="s">
        <v>4</v>
      </c>
      <c r="AI45" s="18" t="s">
        <v>4</v>
      </c>
      <c r="AJ45" s="18" t="s">
        <v>4</v>
      </c>
      <c r="AK45" s="18" t="s">
        <v>4</v>
      </c>
      <c r="AL45" s="18" t="s">
        <v>4</v>
      </c>
      <c r="AM45" s="18" t="s">
        <v>4</v>
      </c>
      <c r="AN45" s="18" t="s">
        <v>4</v>
      </c>
      <c r="AO45" s="18" t="s">
        <v>582</v>
      </c>
      <c r="AP45" s="18" t="s">
        <v>583</v>
      </c>
      <c r="AQ45" s="18" t="s">
        <v>583</v>
      </c>
      <c r="AR45" s="18" t="s">
        <v>583</v>
      </c>
      <c r="AS45" s="23"/>
      <c r="AT45" s="14"/>
      <c r="AU45" s="14"/>
      <c r="AV45" s="14"/>
      <c r="AW45" s="14"/>
      <c r="AX45" s="14"/>
    </row>
    <row r="46" spans="1:50" s="15" customFormat="1" ht="42.75" customHeight="1" x14ac:dyDescent="0.65">
      <c r="A46" s="7" t="s">
        <v>574</v>
      </c>
      <c r="B46" s="17" t="s">
        <v>542</v>
      </c>
      <c r="C46" s="17" t="s">
        <v>575</v>
      </c>
      <c r="D46" s="17" t="s">
        <v>576</v>
      </c>
      <c r="E46" s="7" t="s">
        <v>577</v>
      </c>
      <c r="F46" s="18" t="s">
        <v>578</v>
      </c>
      <c r="G46" s="18" t="s">
        <v>579</v>
      </c>
      <c r="H46" s="19" t="s">
        <v>548</v>
      </c>
      <c r="I46" s="18" t="s">
        <v>580</v>
      </c>
      <c r="J46" s="18" t="s">
        <v>550</v>
      </c>
      <c r="K46" s="20" t="s">
        <v>0</v>
      </c>
      <c r="L46" s="21" t="s">
        <v>607</v>
      </c>
      <c r="M46" s="20" t="s">
        <v>607</v>
      </c>
      <c r="N46" s="22" t="s">
        <v>613</v>
      </c>
      <c r="O46" s="12" t="s">
        <v>4</v>
      </c>
      <c r="P46" s="12"/>
      <c r="Q46" s="18" t="s">
        <v>4</v>
      </c>
      <c r="R46" s="18" t="s">
        <v>4</v>
      </c>
      <c r="S46" s="18" t="s">
        <v>4</v>
      </c>
      <c r="T46" s="18" t="s">
        <v>4</v>
      </c>
      <c r="U46" s="18" t="s">
        <v>4</v>
      </c>
      <c r="V46" s="18" t="s">
        <v>4</v>
      </c>
      <c r="W46" s="18" t="s">
        <v>4</v>
      </c>
      <c r="X46" s="18" t="s">
        <v>4</v>
      </c>
      <c r="Y46" s="18" t="s">
        <v>4</v>
      </c>
      <c r="Z46" s="18" t="s">
        <v>4</v>
      </c>
      <c r="AA46" s="18" t="s">
        <v>4</v>
      </c>
      <c r="AB46" s="18" t="s">
        <v>4</v>
      </c>
      <c r="AC46" s="18" t="s">
        <v>4</v>
      </c>
      <c r="AD46" s="18" t="s">
        <v>4</v>
      </c>
      <c r="AE46" s="18" t="s">
        <v>4</v>
      </c>
      <c r="AF46" s="18" t="s">
        <v>4</v>
      </c>
      <c r="AG46" s="18" t="s">
        <v>4</v>
      </c>
      <c r="AH46" s="18" t="s">
        <v>4</v>
      </c>
      <c r="AI46" s="18" t="s">
        <v>4</v>
      </c>
      <c r="AJ46" s="18" t="s">
        <v>4</v>
      </c>
      <c r="AK46" s="18" t="s">
        <v>4</v>
      </c>
      <c r="AL46" s="18" t="s">
        <v>4</v>
      </c>
      <c r="AM46" s="18" t="s">
        <v>4</v>
      </c>
      <c r="AN46" s="18" t="s">
        <v>4</v>
      </c>
      <c r="AO46" s="18" t="s">
        <v>582</v>
      </c>
      <c r="AP46" s="18" t="s">
        <v>583</v>
      </c>
      <c r="AQ46" s="18" t="s">
        <v>583</v>
      </c>
      <c r="AR46" s="18" t="s">
        <v>583</v>
      </c>
      <c r="AS46" s="23"/>
      <c r="AT46" s="14"/>
      <c r="AU46" s="14"/>
      <c r="AV46" s="14"/>
      <c r="AW46" s="14"/>
      <c r="AX46" s="14"/>
    </row>
    <row r="47" spans="1:50" s="15" customFormat="1" ht="42.75" customHeight="1" x14ac:dyDescent="0.65">
      <c r="A47" s="7" t="s">
        <v>574</v>
      </c>
      <c r="B47" s="17" t="s">
        <v>542</v>
      </c>
      <c r="C47" s="17" t="s">
        <v>575</v>
      </c>
      <c r="D47" s="17" t="s">
        <v>576</v>
      </c>
      <c r="E47" s="7" t="s">
        <v>577</v>
      </c>
      <c r="F47" s="18" t="s">
        <v>578</v>
      </c>
      <c r="G47" s="18" t="s">
        <v>579</v>
      </c>
      <c r="H47" s="19" t="s">
        <v>548</v>
      </c>
      <c r="I47" s="18" t="s">
        <v>580</v>
      </c>
      <c r="J47" s="18" t="s">
        <v>550</v>
      </c>
      <c r="K47" s="20" t="s">
        <v>0</v>
      </c>
      <c r="L47" s="21" t="s">
        <v>607</v>
      </c>
      <c r="M47" s="20" t="s">
        <v>607</v>
      </c>
      <c r="N47" s="22" t="s">
        <v>614</v>
      </c>
      <c r="O47" s="12" t="s">
        <v>4</v>
      </c>
      <c r="P47" s="12"/>
      <c r="Q47" s="18" t="s">
        <v>4</v>
      </c>
      <c r="R47" s="18" t="s">
        <v>4</v>
      </c>
      <c r="S47" s="18" t="s">
        <v>4</v>
      </c>
      <c r="T47" s="18" t="s">
        <v>4</v>
      </c>
      <c r="U47" s="18" t="s">
        <v>4</v>
      </c>
      <c r="V47" s="18" t="s">
        <v>4</v>
      </c>
      <c r="W47" s="18" t="s">
        <v>4</v>
      </c>
      <c r="X47" s="18" t="s">
        <v>4</v>
      </c>
      <c r="Y47" s="18" t="s">
        <v>4</v>
      </c>
      <c r="Z47" s="18" t="s">
        <v>4</v>
      </c>
      <c r="AA47" s="18" t="s">
        <v>4</v>
      </c>
      <c r="AB47" s="18" t="s">
        <v>4</v>
      </c>
      <c r="AC47" s="18" t="s">
        <v>4</v>
      </c>
      <c r="AD47" s="18" t="s">
        <v>4</v>
      </c>
      <c r="AE47" s="18" t="s">
        <v>4</v>
      </c>
      <c r="AF47" s="18" t="s">
        <v>4</v>
      </c>
      <c r="AG47" s="18" t="s">
        <v>4</v>
      </c>
      <c r="AH47" s="18" t="s">
        <v>4</v>
      </c>
      <c r="AI47" s="18" t="s">
        <v>4</v>
      </c>
      <c r="AJ47" s="18" t="s">
        <v>4</v>
      </c>
      <c r="AK47" s="18" t="s">
        <v>4</v>
      </c>
      <c r="AL47" s="18" t="s">
        <v>4</v>
      </c>
      <c r="AM47" s="18" t="s">
        <v>4</v>
      </c>
      <c r="AN47" s="18" t="s">
        <v>4</v>
      </c>
      <c r="AO47" s="18" t="s">
        <v>582</v>
      </c>
      <c r="AP47" s="18" t="s">
        <v>583</v>
      </c>
      <c r="AQ47" s="18" t="s">
        <v>583</v>
      </c>
      <c r="AR47" s="18" t="s">
        <v>583</v>
      </c>
      <c r="AS47" s="23"/>
      <c r="AT47" s="14"/>
      <c r="AU47" s="14"/>
      <c r="AV47" s="14"/>
      <c r="AW47" s="14"/>
      <c r="AX47" s="14"/>
    </row>
    <row r="48" spans="1:50" s="15" customFormat="1" ht="42.75" customHeight="1" x14ac:dyDescent="0.65">
      <c r="A48" s="7" t="s">
        <v>574</v>
      </c>
      <c r="B48" s="17" t="s">
        <v>542</v>
      </c>
      <c r="C48" s="17" t="s">
        <v>575</v>
      </c>
      <c r="D48" s="17" t="s">
        <v>576</v>
      </c>
      <c r="E48" s="7" t="s">
        <v>577</v>
      </c>
      <c r="F48" s="18" t="s">
        <v>578</v>
      </c>
      <c r="G48" s="18" t="s">
        <v>579</v>
      </c>
      <c r="H48" s="19" t="s">
        <v>548</v>
      </c>
      <c r="I48" s="18" t="s">
        <v>580</v>
      </c>
      <c r="J48" s="18" t="s">
        <v>550</v>
      </c>
      <c r="K48" s="20" t="s">
        <v>0</v>
      </c>
      <c r="L48" s="21" t="s">
        <v>607</v>
      </c>
      <c r="M48" s="20" t="s">
        <v>607</v>
      </c>
      <c r="N48" s="22" t="s">
        <v>615</v>
      </c>
      <c r="O48" s="12" t="s">
        <v>4</v>
      </c>
      <c r="P48" s="12"/>
      <c r="Q48" s="18" t="s">
        <v>4</v>
      </c>
      <c r="R48" s="18" t="s">
        <v>4</v>
      </c>
      <c r="S48" s="18" t="s">
        <v>4</v>
      </c>
      <c r="T48" s="18" t="s">
        <v>4</v>
      </c>
      <c r="U48" s="18" t="s">
        <v>4</v>
      </c>
      <c r="V48" s="18" t="s">
        <v>4</v>
      </c>
      <c r="W48" s="18" t="s">
        <v>4</v>
      </c>
      <c r="X48" s="18" t="s">
        <v>4</v>
      </c>
      <c r="Y48" s="18" t="s">
        <v>4</v>
      </c>
      <c r="Z48" s="18" t="s">
        <v>4</v>
      </c>
      <c r="AA48" s="18" t="s">
        <v>4</v>
      </c>
      <c r="AB48" s="18" t="s">
        <v>4</v>
      </c>
      <c r="AC48" s="18" t="s">
        <v>4</v>
      </c>
      <c r="AD48" s="18" t="s">
        <v>4</v>
      </c>
      <c r="AE48" s="18" t="s">
        <v>4</v>
      </c>
      <c r="AF48" s="18" t="s">
        <v>4</v>
      </c>
      <c r="AG48" s="18" t="s">
        <v>4</v>
      </c>
      <c r="AH48" s="18" t="s">
        <v>4</v>
      </c>
      <c r="AI48" s="18" t="s">
        <v>4</v>
      </c>
      <c r="AJ48" s="18" t="s">
        <v>4</v>
      </c>
      <c r="AK48" s="18" t="s">
        <v>4</v>
      </c>
      <c r="AL48" s="18" t="s">
        <v>4</v>
      </c>
      <c r="AM48" s="18" t="s">
        <v>4</v>
      </c>
      <c r="AN48" s="18" t="s">
        <v>4</v>
      </c>
      <c r="AO48" s="18" t="s">
        <v>582</v>
      </c>
      <c r="AP48" s="18" t="s">
        <v>583</v>
      </c>
      <c r="AQ48" s="18" t="s">
        <v>583</v>
      </c>
      <c r="AR48" s="18" t="s">
        <v>583</v>
      </c>
      <c r="AS48" s="23"/>
      <c r="AT48" s="14"/>
      <c r="AU48" s="14"/>
      <c r="AV48" s="14"/>
      <c r="AW48" s="14"/>
      <c r="AX48" s="14"/>
    </row>
    <row r="49" spans="1:50" s="15" customFormat="1" ht="42.75" customHeight="1" x14ac:dyDescent="0.65">
      <c r="A49" s="7" t="s">
        <v>574</v>
      </c>
      <c r="B49" s="17" t="s">
        <v>542</v>
      </c>
      <c r="C49" s="17" t="s">
        <v>575</v>
      </c>
      <c r="D49" s="17" t="s">
        <v>576</v>
      </c>
      <c r="E49" s="7" t="s">
        <v>577</v>
      </c>
      <c r="F49" s="18" t="s">
        <v>578</v>
      </c>
      <c r="G49" s="18" t="s">
        <v>579</v>
      </c>
      <c r="H49" s="19" t="s">
        <v>548</v>
      </c>
      <c r="I49" s="18" t="s">
        <v>580</v>
      </c>
      <c r="J49" s="18" t="s">
        <v>550</v>
      </c>
      <c r="K49" s="20" t="s">
        <v>0</v>
      </c>
      <c r="L49" s="21" t="s">
        <v>607</v>
      </c>
      <c r="M49" s="20" t="s">
        <v>607</v>
      </c>
      <c r="N49" s="22" t="s">
        <v>616</v>
      </c>
      <c r="O49" s="12" t="s">
        <v>4</v>
      </c>
      <c r="P49" s="12"/>
      <c r="Q49" s="18" t="s">
        <v>4</v>
      </c>
      <c r="R49" s="18" t="s">
        <v>4</v>
      </c>
      <c r="S49" s="18" t="s">
        <v>4</v>
      </c>
      <c r="T49" s="18" t="s">
        <v>4</v>
      </c>
      <c r="U49" s="18" t="s">
        <v>4</v>
      </c>
      <c r="V49" s="18" t="s">
        <v>4</v>
      </c>
      <c r="W49" s="18" t="s">
        <v>4</v>
      </c>
      <c r="X49" s="18" t="s">
        <v>4</v>
      </c>
      <c r="Y49" s="18" t="s">
        <v>4</v>
      </c>
      <c r="Z49" s="18" t="s">
        <v>4</v>
      </c>
      <c r="AA49" s="18" t="s">
        <v>4</v>
      </c>
      <c r="AB49" s="18" t="s">
        <v>4</v>
      </c>
      <c r="AC49" s="18" t="s">
        <v>4</v>
      </c>
      <c r="AD49" s="18" t="s">
        <v>4</v>
      </c>
      <c r="AE49" s="18" t="s">
        <v>4</v>
      </c>
      <c r="AF49" s="18" t="s">
        <v>4</v>
      </c>
      <c r="AG49" s="18" t="s">
        <v>4</v>
      </c>
      <c r="AH49" s="18" t="s">
        <v>4</v>
      </c>
      <c r="AI49" s="18" t="s">
        <v>4</v>
      </c>
      <c r="AJ49" s="18" t="s">
        <v>4</v>
      </c>
      <c r="AK49" s="18" t="s">
        <v>4</v>
      </c>
      <c r="AL49" s="18" t="s">
        <v>4</v>
      </c>
      <c r="AM49" s="18" t="s">
        <v>4</v>
      </c>
      <c r="AN49" s="18" t="s">
        <v>4</v>
      </c>
      <c r="AO49" s="18" t="s">
        <v>582</v>
      </c>
      <c r="AP49" s="18" t="s">
        <v>583</v>
      </c>
      <c r="AQ49" s="18" t="s">
        <v>583</v>
      </c>
      <c r="AR49" s="18" t="s">
        <v>583</v>
      </c>
      <c r="AS49" s="23"/>
      <c r="AT49" s="14"/>
      <c r="AU49" s="14"/>
      <c r="AV49" s="14"/>
      <c r="AW49" s="14"/>
      <c r="AX49" s="14"/>
    </row>
    <row r="50" spans="1:50" s="15" customFormat="1" ht="42.75" customHeight="1" x14ac:dyDescent="0.65">
      <c r="A50" s="7" t="s">
        <v>574</v>
      </c>
      <c r="B50" s="17" t="s">
        <v>542</v>
      </c>
      <c r="C50" s="17" t="s">
        <v>575</v>
      </c>
      <c r="D50" s="17" t="s">
        <v>576</v>
      </c>
      <c r="E50" s="7" t="s">
        <v>577</v>
      </c>
      <c r="F50" s="18" t="s">
        <v>578</v>
      </c>
      <c r="G50" s="18" t="s">
        <v>579</v>
      </c>
      <c r="H50" s="19" t="s">
        <v>548</v>
      </c>
      <c r="I50" s="18" t="s">
        <v>580</v>
      </c>
      <c r="J50" s="18" t="s">
        <v>550</v>
      </c>
      <c r="K50" s="20" t="s">
        <v>0</v>
      </c>
      <c r="L50" s="21" t="s">
        <v>607</v>
      </c>
      <c r="M50" s="20" t="s">
        <v>607</v>
      </c>
      <c r="N50" s="22" t="s">
        <v>617</v>
      </c>
      <c r="O50" s="12" t="s">
        <v>4</v>
      </c>
      <c r="P50" s="12"/>
      <c r="Q50" s="18" t="s">
        <v>4</v>
      </c>
      <c r="R50" s="18" t="s">
        <v>4</v>
      </c>
      <c r="S50" s="18" t="s">
        <v>4</v>
      </c>
      <c r="T50" s="18" t="s">
        <v>4</v>
      </c>
      <c r="U50" s="18" t="s">
        <v>4</v>
      </c>
      <c r="V50" s="18" t="s">
        <v>4</v>
      </c>
      <c r="W50" s="18" t="s">
        <v>4</v>
      </c>
      <c r="X50" s="18" t="s">
        <v>4</v>
      </c>
      <c r="Y50" s="18" t="s">
        <v>4</v>
      </c>
      <c r="Z50" s="18" t="s">
        <v>4</v>
      </c>
      <c r="AA50" s="18" t="s">
        <v>4</v>
      </c>
      <c r="AB50" s="18" t="s">
        <v>4</v>
      </c>
      <c r="AC50" s="18" t="s">
        <v>4</v>
      </c>
      <c r="AD50" s="18" t="s">
        <v>4</v>
      </c>
      <c r="AE50" s="18" t="s">
        <v>4</v>
      </c>
      <c r="AF50" s="18" t="s">
        <v>4</v>
      </c>
      <c r="AG50" s="18" t="s">
        <v>4</v>
      </c>
      <c r="AH50" s="18" t="s">
        <v>4</v>
      </c>
      <c r="AI50" s="18" t="s">
        <v>4</v>
      </c>
      <c r="AJ50" s="18" t="s">
        <v>4</v>
      </c>
      <c r="AK50" s="18" t="s">
        <v>4</v>
      </c>
      <c r="AL50" s="18" t="s">
        <v>4</v>
      </c>
      <c r="AM50" s="18" t="s">
        <v>4</v>
      </c>
      <c r="AN50" s="18" t="s">
        <v>4</v>
      </c>
      <c r="AO50" s="18" t="s">
        <v>582</v>
      </c>
      <c r="AP50" s="18" t="s">
        <v>583</v>
      </c>
      <c r="AQ50" s="18" t="s">
        <v>583</v>
      </c>
      <c r="AR50" s="18" t="s">
        <v>583</v>
      </c>
      <c r="AS50" s="23"/>
      <c r="AT50" s="14"/>
      <c r="AU50" s="14"/>
      <c r="AV50" s="14"/>
      <c r="AW50" s="14"/>
      <c r="AX50" s="14"/>
    </row>
    <row r="51" spans="1:50" s="15" customFormat="1" ht="42.75" customHeight="1" x14ac:dyDescent="0.65">
      <c r="A51" s="7" t="s">
        <v>574</v>
      </c>
      <c r="B51" s="17" t="s">
        <v>542</v>
      </c>
      <c r="C51" s="17" t="s">
        <v>575</v>
      </c>
      <c r="D51" s="17" t="s">
        <v>576</v>
      </c>
      <c r="E51" s="7" t="s">
        <v>577</v>
      </c>
      <c r="F51" s="18" t="s">
        <v>578</v>
      </c>
      <c r="G51" s="18" t="s">
        <v>579</v>
      </c>
      <c r="H51" s="19" t="s">
        <v>548</v>
      </c>
      <c r="I51" s="18" t="s">
        <v>580</v>
      </c>
      <c r="J51" s="18" t="s">
        <v>550</v>
      </c>
      <c r="K51" s="20" t="s">
        <v>0</v>
      </c>
      <c r="L51" s="21" t="s">
        <v>607</v>
      </c>
      <c r="M51" s="20" t="s">
        <v>607</v>
      </c>
      <c r="N51" s="22" t="s">
        <v>618</v>
      </c>
      <c r="O51" s="12" t="s">
        <v>4</v>
      </c>
      <c r="P51" s="12"/>
      <c r="Q51" s="18" t="s">
        <v>4</v>
      </c>
      <c r="R51" s="18" t="s">
        <v>4</v>
      </c>
      <c r="S51" s="18" t="s">
        <v>4</v>
      </c>
      <c r="T51" s="18" t="s">
        <v>4</v>
      </c>
      <c r="U51" s="18" t="s">
        <v>4</v>
      </c>
      <c r="V51" s="18" t="s">
        <v>4</v>
      </c>
      <c r="W51" s="18" t="s">
        <v>4</v>
      </c>
      <c r="X51" s="18" t="s">
        <v>4</v>
      </c>
      <c r="Y51" s="18" t="s">
        <v>4</v>
      </c>
      <c r="Z51" s="18" t="s">
        <v>4</v>
      </c>
      <c r="AA51" s="18" t="s">
        <v>4</v>
      </c>
      <c r="AB51" s="18" t="s">
        <v>4</v>
      </c>
      <c r="AC51" s="18" t="s">
        <v>4</v>
      </c>
      <c r="AD51" s="18" t="s">
        <v>4</v>
      </c>
      <c r="AE51" s="18" t="s">
        <v>4</v>
      </c>
      <c r="AF51" s="18" t="s">
        <v>4</v>
      </c>
      <c r="AG51" s="18" t="s">
        <v>4</v>
      </c>
      <c r="AH51" s="18" t="s">
        <v>4</v>
      </c>
      <c r="AI51" s="18" t="s">
        <v>4</v>
      </c>
      <c r="AJ51" s="18" t="s">
        <v>4</v>
      </c>
      <c r="AK51" s="18" t="s">
        <v>4</v>
      </c>
      <c r="AL51" s="18" t="s">
        <v>4</v>
      </c>
      <c r="AM51" s="18" t="s">
        <v>4</v>
      </c>
      <c r="AN51" s="18" t="s">
        <v>4</v>
      </c>
      <c r="AO51" s="18" t="s">
        <v>582</v>
      </c>
      <c r="AP51" s="18" t="s">
        <v>583</v>
      </c>
      <c r="AQ51" s="18" t="s">
        <v>583</v>
      </c>
      <c r="AR51" s="18" t="s">
        <v>583</v>
      </c>
      <c r="AS51" s="23"/>
      <c r="AT51" s="14"/>
      <c r="AU51" s="14"/>
      <c r="AV51" s="14"/>
      <c r="AW51" s="14"/>
      <c r="AX51" s="14"/>
    </row>
    <row r="52" spans="1:50" s="15" customFormat="1" ht="42.75" customHeight="1" x14ac:dyDescent="0.65">
      <c r="A52" s="7" t="s">
        <v>574</v>
      </c>
      <c r="B52" s="17" t="s">
        <v>542</v>
      </c>
      <c r="C52" s="17" t="s">
        <v>575</v>
      </c>
      <c r="D52" s="17" t="s">
        <v>576</v>
      </c>
      <c r="E52" s="7" t="s">
        <v>577</v>
      </c>
      <c r="F52" s="18" t="s">
        <v>578</v>
      </c>
      <c r="G52" s="18" t="s">
        <v>579</v>
      </c>
      <c r="H52" s="19" t="s">
        <v>548</v>
      </c>
      <c r="I52" s="18" t="s">
        <v>580</v>
      </c>
      <c r="J52" s="18" t="s">
        <v>550</v>
      </c>
      <c r="K52" s="20" t="s">
        <v>0</v>
      </c>
      <c r="L52" s="21" t="s">
        <v>607</v>
      </c>
      <c r="M52" s="20" t="s">
        <v>607</v>
      </c>
      <c r="N52" s="22" t="s">
        <v>619</v>
      </c>
      <c r="O52" s="12" t="s">
        <v>4</v>
      </c>
      <c r="P52" s="12"/>
      <c r="Q52" s="18" t="s">
        <v>4</v>
      </c>
      <c r="R52" s="18" t="s">
        <v>4</v>
      </c>
      <c r="S52" s="18" t="s">
        <v>4</v>
      </c>
      <c r="T52" s="18" t="s">
        <v>4</v>
      </c>
      <c r="U52" s="18" t="s">
        <v>4</v>
      </c>
      <c r="V52" s="18" t="s">
        <v>4</v>
      </c>
      <c r="W52" s="18" t="s">
        <v>4</v>
      </c>
      <c r="X52" s="18" t="s">
        <v>4</v>
      </c>
      <c r="Y52" s="18" t="s">
        <v>4</v>
      </c>
      <c r="Z52" s="18" t="s">
        <v>4</v>
      </c>
      <c r="AA52" s="18" t="s">
        <v>4</v>
      </c>
      <c r="AB52" s="18" t="s">
        <v>4</v>
      </c>
      <c r="AC52" s="18" t="s">
        <v>4</v>
      </c>
      <c r="AD52" s="18" t="s">
        <v>4</v>
      </c>
      <c r="AE52" s="18" t="s">
        <v>4</v>
      </c>
      <c r="AF52" s="18" t="s">
        <v>4</v>
      </c>
      <c r="AG52" s="18" t="s">
        <v>4</v>
      </c>
      <c r="AH52" s="18" t="s">
        <v>4</v>
      </c>
      <c r="AI52" s="18" t="s">
        <v>4</v>
      </c>
      <c r="AJ52" s="18" t="s">
        <v>4</v>
      </c>
      <c r="AK52" s="18" t="s">
        <v>4</v>
      </c>
      <c r="AL52" s="18" t="s">
        <v>4</v>
      </c>
      <c r="AM52" s="18" t="s">
        <v>4</v>
      </c>
      <c r="AN52" s="18" t="s">
        <v>4</v>
      </c>
      <c r="AO52" s="18" t="s">
        <v>582</v>
      </c>
      <c r="AP52" s="18" t="s">
        <v>583</v>
      </c>
      <c r="AQ52" s="18" t="s">
        <v>583</v>
      </c>
      <c r="AR52" s="18" t="s">
        <v>583</v>
      </c>
      <c r="AS52" s="23"/>
      <c r="AT52" s="14"/>
      <c r="AU52" s="14"/>
      <c r="AV52" s="14"/>
      <c r="AW52" s="14"/>
      <c r="AX52" s="14"/>
    </row>
    <row r="53" spans="1:50" s="15" customFormat="1" ht="42.75" customHeight="1" x14ac:dyDescent="0.65">
      <c r="A53" s="7" t="s">
        <v>574</v>
      </c>
      <c r="B53" s="17" t="s">
        <v>542</v>
      </c>
      <c r="C53" s="17" t="s">
        <v>575</v>
      </c>
      <c r="D53" s="17" t="s">
        <v>576</v>
      </c>
      <c r="E53" s="7" t="s">
        <v>577</v>
      </c>
      <c r="F53" s="18" t="s">
        <v>578</v>
      </c>
      <c r="G53" s="18" t="s">
        <v>579</v>
      </c>
      <c r="H53" s="19" t="s">
        <v>548</v>
      </c>
      <c r="I53" s="18" t="s">
        <v>580</v>
      </c>
      <c r="J53" s="18" t="s">
        <v>550</v>
      </c>
      <c r="K53" s="20" t="s">
        <v>0</v>
      </c>
      <c r="L53" s="21" t="s">
        <v>607</v>
      </c>
      <c r="M53" s="20" t="s">
        <v>607</v>
      </c>
      <c r="N53" s="22" t="s">
        <v>620</v>
      </c>
      <c r="O53" s="12" t="s">
        <v>4</v>
      </c>
      <c r="P53" s="12"/>
      <c r="Q53" s="18" t="s">
        <v>4</v>
      </c>
      <c r="R53" s="18" t="s">
        <v>4</v>
      </c>
      <c r="S53" s="18" t="s">
        <v>4</v>
      </c>
      <c r="T53" s="18" t="s">
        <v>4</v>
      </c>
      <c r="U53" s="18" t="s">
        <v>4</v>
      </c>
      <c r="V53" s="18" t="s">
        <v>4</v>
      </c>
      <c r="W53" s="18" t="s">
        <v>4</v>
      </c>
      <c r="X53" s="18" t="s">
        <v>4</v>
      </c>
      <c r="Y53" s="18" t="s">
        <v>4</v>
      </c>
      <c r="Z53" s="18" t="s">
        <v>4</v>
      </c>
      <c r="AA53" s="18" t="s">
        <v>4</v>
      </c>
      <c r="AB53" s="18" t="s">
        <v>4</v>
      </c>
      <c r="AC53" s="18" t="s">
        <v>4</v>
      </c>
      <c r="AD53" s="18" t="s">
        <v>4</v>
      </c>
      <c r="AE53" s="18" t="s">
        <v>4</v>
      </c>
      <c r="AF53" s="18" t="s">
        <v>4</v>
      </c>
      <c r="AG53" s="18" t="s">
        <v>4</v>
      </c>
      <c r="AH53" s="18" t="s">
        <v>4</v>
      </c>
      <c r="AI53" s="18" t="s">
        <v>4</v>
      </c>
      <c r="AJ53" s="18" t="s">
        <v>4</v>
      </c>
      <c r="AK53" s="18" t="s">
        <v>4</v>
      </c>
      <c r="AL53" s="18" t="s">
        <v>4</v>
      </c>
      <c r="AM53" s="18" t="s">
        <v>4</v>
      </c>
      <c r="AN53" s="18" t="s">
        <v>4</v>
      </c>
      <c r="AO53" s="18" t="s">
        <v>582</v>
      </c>
      <c r="AP53" s="18" t="s">
        <v>583</v>
      </c>
      <c r="AQ53" s="18" t="s">
        <v>583</v>
      </c>
      <c r="AR53" s="18" t="s">
        <v>583</v>
      </c>
      <c r="AS53" s="23"/>
      <c r="AT53" s="14"/>
      <c r="AU53" s="14"/>
      <c r="AV53" s="14"/>
      <c r="AW53" s="14"/>
      <c r="AX53" s="14"/>
    </row>
    <row r="54" spans="1:50" s="15" customFormat="1" ht="42.75" customHeight="1" x14ac:dyDescent="0.65">
      <c r="A54" s="7" t="s">
        <v>574</v>
      </c>
      <c r="B54" s="17" t="s">
        <v>542</v>
      </c>
      <c r="C54" s="17" t="s">
        <v>575</v>
      </c>
      <c r="D54" s="17" t="s">
        <v>576</v>
      </c>
      <c r="E54" s="7" t="s">
        <v>577</v>
      </c>
      <c r="F54" s="18" t="s">
        <v>578</v>
      </c>
      <c r="G54" s="18" t="s">
        <v>579</v>
      </c>
      <c r="H54" s="19" t="s">
        <v>548</v>
      </c>
      <c r="I54" s="18" t="s">
        <v>580</v>
      </c>
      <c r="J54" s="18" t="s">
        <v>550</v>
      </c>
      <c r="K54" s="20" t="s">
        <v>0</v>
      </c>
      <c r="L54" s="21" t="s">
        <v>607</v>
      </c>
      <c r="M54" s="20" t="s">
        <v>607</v>
      </c>
      <c r="N54" s="22" t="s">
        <v>621</v>
      </c>
      <c r="O54" s="12" t="s">
        <v>4</v>
      </c>
      <c r="P54" s="12"/>
      <c r="Q54" s="18" t="s">
        <v>4</v>
      </c>
      <c r="R54" s="18" t="s">
        <v>4</v>
      </c>
      <c r="S54" s="18" t="s">
        <v>4</v>
      </c>
      <c r="T54" s="18" t="s">
        <v>4</v>
      </c>
      <c r="U54" s="18" t="s">
        <v>4</v>
      </c>
      <c r="V54" s="18" t="s">
        <v>4</v>
      </c>
      <c r="W54" s="18" t="s">
        <v>4</v>
      </c>
      <c r="X54" s="18" t="s">
        <v>4</v>
      </c>
      <c r="Y54" s="18" t="s">
        <v>4</v>
      </c>
      <c r="Z54" s="18" t="s">
        <v>4</v>
      </c>
      <c r="AA54" s="18" t="s">
        <v>4</v>
      </c>
      <c r="AB54" s="18" t="s">
        <v>4</v>
      </c>
      <c r="AC54" s="18" t="s">
        <v>4</v>
      </c>
      <c r="AD54" s="18" t="s">
        <v>4</v>
      </c>
      <c r="AE54" s="18" t="s">
        <v>4</v>
      </c>
      <c r="AF54" s="18" t="s">
        <v>4</v>
      </c>
      <c r="AG54" s="18" t="s">
        <v>4</v>
      </c>
      <c r="AH54" s="18" t="s">
        <v>4</v>
      </c>
      <c r="AI54" s="18" t="s">
        <v>4</v>
      </c>
      <c r="AJ54" s="18" t="s">
        <v>4</v>
      </c>
      <c r="AK54" s="18" t="s">
        <v>4</v>
      </c>
      <c r="AL54" s="18" t="s">
        <v>4</v>
      </c>
      <c r="AM54" s="18" t="s">
        <v>4</v>
      </c>
      <c r="AN54" s="18" t="s">
        <v>4</v>
      </c>
      <c r="AO54" s="18" t="s">
        <v>582</v>
      </c>
      <c r="AP54" s="18" t="s">
        <v>583</v>
      </c>
      <c r="AQ54" s="18" t="s">
        <v>583</v>
      </c>
      <c r="AR54" s="18" t="s">
        <v>583</v>
      </c>
      <c r="AS54" s="23"/>
      <c r="AT54" s="14"/>
      <c r="AU54" s="14"/>
      <c r="AV54" s="14"/>
      <c r="AW54" s="14"/>
      <c r="AX54" s="14"/>
    </row>
    <row r="55" spans="1:50" s="15" customFormat="1" ht="42.75" customHeight="1" x14ac:dyDescent="0.65">
      <c r="A55" s="7" t="s">
        <v>574</v>
      </c>
      <c r="B55" s="17" t="s">
        <v>542</v>
      </c>
      <c r="C55" s="17" t="s">
        <v>575</v>
      </c>
      <c r="D55" s="17" t="s">
        <v>576</v>
      </c>
      <c r="E55" s="7" t="s">
        <v>577</v>
      </c>
      <c r="F55" s="18" t="s">
        <v>578</v>
      </c>
      <c r="G55" s="18" t="s">
        <v>579</v>
      </c>
      <c r="H55" s="19" t="s">
        <v>548</v>
      </c>
      <c r="I55" s="18" t="s">
        <v>580</v>
      </c>
      <c r="J55" s="18" t="s">
        <v>550</v>
      </c>
      <c r="K55" s="20" t="s">
        <v>0</v>
      </c>
      <c r="L55" s="21" t="s">
        <v>607</v>
      </c>
      <c r="M55" s="20" t="s">
        <v>607</v>
      </c>
      <c r="N55" s="22" t="s">
        <v>622</v>
      </c>
      <c r="O55" s="12" t="s">
        <v>4</v>
      </c>
      <c r="P55" s="12"/>
      <c r="Q55" s="18" t="s">
        <v>4</v>
      </c>
      <c r="R55" s="18" t="s">
        <v>4</v>
      </c>
      <c r="S55" s="18" t="s">
        <v>4</v>
      </c>
      <c r="T55" s="18" t="s">
        <v>4</v>
      </c>
      <c r="U55" s="18" t="s">
        <v>4</v>
      </c>
      <c r="V55" s="18" t="s">
        <v>4</v>
      </c>
      <c r="W55" s="18" t="s">
        <v>4</v>
      </c>
      <c r="X55" s="18" t="s">
        <v>4</v>
      </c>
      <c r="Y55" s="18" t="s">
        <v>4</v>
      </c>
      <c r="Z55" s="18" t="s">
        <v>4</v>
      </c>
      <c r="AA55" s="18" t="s">
        <v>4</v>
      </c>
      <c r="AB55" s="18" t="s">
        <v>4</v>
      </c>
      <c r="AC55" s="18" t="s">
        <v>4</v>
      </c>
      <c r="AD55" s="18" t="s">
        <v>4</v>
      </c>
      <c r="AE55" s="18" t="s">
        <v>4</v>
      </c>
      <c r="AF55" s="18" t="s">
        <v>4</v>
      </c>
      <c r="AG55" s="18" t="s">
        <v>4</v>
      </c>
      <c r="AH55" s="18" t="s">
        <v>4</v>
      </c>
      <c r="AI55" s="18" t="s">
        <v>4</v>
      </c>
      <c r="AJ55" s="18" t="s">
        <v>4</v>
      </c>
      <c r="AK55" s="18" t="s">
        <v>4</v>
      </c>
      <c r="AL55" s="18" t="s">
        <v>4</v>
      </c>
      <c r="AM55" s="18" t="s">
        <v>4</v>
      </c>
      <c r="AN55" s="18" t="s">
        <v>4</v>
      </c>
      <c r="AO55" s="18" t="s">
        <v>582</v>
      </c>
      <c r="AP55" s="18" t="s">
        <v>583</v>
      </c>
      <c r="AQ55" s="18" t="s">
        <v>583</v>
      </c>
      <c r="AR55" s="18" t="s">
        <v>583</v>
      </c>
      <c r="AS55" s="23"/>
      <c r="AT55" s="14"/>
      <c r="AU55" s="14"/>
      <c r="AV55" s="14"/>
      <c r="AW55" s="14"/>
      <c r="AX55" s="14"/>
    </row>
    <row r="56" spans="1:50" s="15" customFormat="1" ht="42.75" customHeight="1" x14ac:dyDescent="0.65">
      <c r="A56" s="7" t="s">
        <v>574</v>
      </c>
      <c r="B56" s="17" t="s">
        <v>542</v>
      </c>
      <c r="C56" s="17" t="s">
        <v>575</v>
      </c>
      <c r="D56" s="17" t="s">
        <v>576</v>
      </c>
      <c r="E56" s="7" t="s">
        <v>577</v>
      </c>
      <c r="F56" s="18" t="s">
        <v>578</v>
      </c>
      <c r="G56" s="18" t="s">
        <v>579</v>
      </c>
      <c r="H56" s="19" t="s">
        <v>548</v>
      </c>
      <c r="I56" s="18" t="s">
        <v>580</v>
      </c>
      <c r="J56" s="18" t="s">
        <v>550</v>
      </c>
      <c r="K56" s="20" t="s">
        <v>0</v>
      </c>
      <c r="L56" s="21" t="s">
        <v>607</v>
      </c>
      <c r="M56" s="20" t="s">
        <v>607</v>
      </c>
      <c r="N56" s="22" t="s">
        <v>623</v>
      </c>
      <c r="O56" s="12" t="s">
        <v>4</v>
      </c>
      <c r="P56" s="12"/>
      <c r="Q56" s="18" t="s">
        <v>4</v>
      </c>
      <c r="R56" s="18" t="s">
        <v>4</v>
      </c>
      <c r="S56" s="18" t="s">
        <v>4</v>
      </c>
      <c r="T56" s="18" t="s">
        <v>4</v>
      </c>
      <c r="U56" s="18" t="s">
        <v>4</v>
      </c>
      <c r="V56" s="18" t="s">
        <v>4</v>
      </c>
      <c r="W56" s="18" t="s">
        <v>4</v>
      </c>
      <c r="X56" s="18" t="s">
        <v>4</v>
      </c>
      <c r="Y56" s="18" t="s">
        <v>4</v>
      </c>
      <c r="Z56" s="18" t="s">
        <v>4</v>
      </c>
      <c r="AA56" s="18" t="s">
        <v>4</v>
      </c>
      <c r="AB56" s="18" t="s">
        <v>4</v>
      </c>
      <c r="AC56" s="18" t="s">
        <v>4</v>
      </c>
      <c r="AD56" s="18" t="s">
        <v>4</v>
      </c>
      <c r="AE56" s="18" t="s">
        <v>4</v>
      </c>
      <c r="AF56" s="18" t="s">
        <v>4</v>
      </c>
      <c r="AG56" s="18" t="s">
        <v>4</v>
      </c>
      <c r="AH56" s="18" t="s">
        <v>4</v>
      </c>
      <c r="AI56" s="18" t="s">
        <v>4</v>
      </c>
      <c r="AJ56" s="18" t="s">
        <v>4</v>
      </c>
      <c r="AK56" s="18" t="s">
        <v>4</v>
      </c>
      <c r="AL56" s="18" t="s">
        <v>4</v>
      </c>
      <c r="AM56" s="18" t="s">
        <v>4</v>
      </c>
      <c r="AN56" s="18" t="s">
        <v>4</v>
      </c>
      <c r="AO56" s="18" t="s">
        <v>582</v>
      </c>
      <c r="AP56" s="18" t="s">
        <v>583</v>
      </c>
      <c r="AQ56" s="18" t="s">
        <v>583</v>
      </c>
      <c r="AR56" s="18" t="s">
        <v>583</v>
      </c>
      <c r="AS56" s="23"/>
      <c r="AT56" s="14"/>
      <c r="AU56" s="14"/>
      <c r="AV56" s="14"/>
      <c r="AW56" s="14"/>
      <c r="AX56" s="14"/>
    </row>
    <row r="57" spans="1:50" s="15" customFormat="1" ht="42.75" customHeight="1" x14ac:dyDescent="0.65">
      <c r="A57" s="7" t="s">
        <v>574</v>
      </c>
      <c r="B57" s="17" t="s">
        <v>542</v>
      </c>
      <c r="C57" s="17" t="s">
        <v>575</v>
      </c>
      <c r="D57" s="17" t="s">
        <v>576</v>
      </c>
      <c r="E57" s="7" t="s">
        <v>577</v>
      </c>
      <c r="F57" s="18" t="s">
        <v>578</v>
      </c>
      <c r="G57" s="18" t="s">
        <v>579</v>
      </c>
      <c r="H57" s="19" t="s">
        <v>548</v>
      </c>
      <c r="I57" s="18" t="s">
        <v>580</v>
      </c>
      <c r="J57" s="18" t="s">
        <v>550</v>
      </c>
      <c r="K57" s="20" t="s">
        <v>0</v>
      </c>
      <c r="L57" s="21" t="s">
        <v>607</v>
      </c>
      <c r="M57" s="20" t="s">
        <v>607</v>
      </c>
      <c r="N57" s="22" t="s">
        <v>624</v>
      </c>
      <c r="O57" s="12" t="s">
        <v>4</v>
      </c>
      <c r="P57" s="12"/>
      <c r="Q57" s="18" t="s">
        <v>4</v>
      </c>
      <c r="R57" s="18" t="s">
        <v>4</v>
      </c>
      <c r="S57" s="18" t="s">
        <v>4</v>
      </c>
      <c r="T57" s="18" t="s">
        <v>4</v>
      </c>
      <c r="U57" s="18" t="s">
        <v>4</v>
      </c>
      <c r="V57" s="18" t="s">
        <v>4</v>
      </c>
      <c r="W57" s="18" t="s">
        <v>4</v>
      </c>
      <c r="X57" s="18" t="s">
        <v>4</v>
      </c>
      <c r="Y57" s="18" t="s">
        <v>4</v>
      </c>
      <c r="Z57" s="18" t="s">
        <v>4</v>
      </c>
      <c r="AA57" s="18" t="s">
        <v>4</v>
      </c>
      <c r="AB57" s="18" t="s">
        <v>4</v>
      </c>
      <c r="AC57" s="18" t="s">
        <v>4</v>
      </c>
      <c r="AD57" s="18" t="s">
        <v>4</v>
      </c>
      <c r="AE57" s="18" t="s">
        <v>4</v>
      </c>
      <c r="AF57" s="18" t="s">
        <v>4</v>
      </c>
      <c r="AG57" s="18" t="s">
        <v>4</v>
      </c>
      <c r="AH57" s="18" t="s">
        <v>4</v>
      </c>
      <c r="AI57" s="18" t="s">
        <v>4</v>
      </c>
      <c r="AJ57" s="18" t="s">
        <v>4</v>
      </c>
      <c r="AK57" s="18" t="s">
        <v>4</v>
      </c>
      <c r="AL57" s="18" t="s">
        <v>4</v>
      </c>
      <c r="AM57" s="18" t="s">
        <v>4</v>
      </c>
      <c r="AN57" s="18" t="s">
        <v>4</v>
      </c>
      <c r="AO57" s="18" t="s">
        <v>582</v>
      </c>
      <c r="AP57" s="18" t="s">
        <v>583</v>
      </c>
      <c r="AQ57" s="18" t="s">
        <v>583</v>
      </c>
      <c r="AR57" s="18" t="s">
        <v>583</v>
      </c>
      <c r="AS57" s="23"/>
      <c r="AT57" s="14"/>
      <c r="AU57" s="14"/>
      <c r="AV57" s="14"/>
      <c r="AW57" s="14"/>
      <c r="AX57" s="14"/>
    </row>
    <row r="58" spans="1:50" s="15" customFormat="1" ht="42.75" customHeight="1" x14ac:dyDescent="0.65">
      <c r="A58" s="7" t="s">
        <v>574</v>
      </c>
      <c r="B58" s="17" t="s">
        <v>542</v>
      </c>
      <c r="C58" s="17" t="s">
        <v>575</v>
      </c>
      <c r="D58" s="17" t="s">
        <v>576</v>
      </c>
      <c r="E58" s="7" t="s">
        <v>577</v>
      </c>
      <c r="F58" s="18" t="s">
        <v>578</v>
      </c>
      <c r="G58" s="18" t="s">
        <v>579</v>
      </c>
      <c r="H58" s="19" t="s">
        <v>548</v>
      </c>
      <c r="I58" s="18" t="s">
        <v>580</v>
      </c>
      <c r="J58" s="18" t="s">
        <v>550</v>
      </c>
      <c r="K58" s="20" t="s">
        <v>0</v>
      </c>
      <c r="L58" s="21" t="s">
        <v>607</v>
      </c>
      <c r="M58" s="20" t="s">
        <v>607</v>
      </c>
      <c r="N58" s="22" t="s">
        <v>625</v>
      </c>
      <c r="O58" s="12" t="s">
        <v>4</v>
      </c>
      <c r="P58" s="12"/>
      <c r="Q58" s="18" t="s">
        <v>4</v>
      </c>
      <c r="R58" s="18" t="s">
        <v>4</v>
      </c>
      <c r="S58" s="18" t="s">
        <v>4</v>
      </c>
      <c r="T58" s="18" t="s">
        <v>4</v>
      </c>
      <c r="U58" s="18" t="s">
        <v>4</v>
      </c>
      <c r="V58" s="18" t="s">
        <v>4</v>
      </c>
      <c r="W58" s="18" t="s">
        <v>4</v>
      </c>
      <c r="X58" s="18" t="s">
        <v>4</v>
      </c>
      <c r="Y58" s="18" t="s">
        <v>4</v>
      </c>
      <c r="Z58" s="18" t="s">
        <v>4</v>
      </c>
      <c r="AA58" s="18" t="s">
        <v>4</v>
      </c>
      <c r="AB58" s="18" t="s">
        <v>4</v>
      </c>
      <c r="AC58" s="18" t="s">
        <v>4</v>
      </c>
      <c r="AD58" s="18" t="s">
        <v>4</v>
      </c>
      <c r="AE58" s="18" t="s">
        <v>4</v>
      </c>
      <c r="AF58" s="18" t="s">
        <v>4</v>
      </c>
      <c r="AG58" s="18" t="s">
        <v>4</v>
      </c>
      <c r="AH58" s="18" t="s">
        <v>4</v>
      </c>
      <c r="AI58" s="18" t="s">
        <v>4</v>
      </c>
      <c r="AJ58" s="18" t="s">
        <v>4</v>
      </c>
      <c r="AK58" s="18" t="s">
        <v>4</v>
      </c>
      <c r="AL58" s="18" t="s">
        <v>4</v>
      </c>
      <c r="AM58" s="18" t="s">
        <v>4</v>
      </c>
      <c r="AN58" s="18" t="s">
        <v>4</v>
      </c>
      <c r="AO58" s="18" t="s">
        <v>582</v>
      </c>
      <c r="AP58" s="18" t="s">
        <v>583</v>
      </c>
      <c r="AQ58" s="18" t="s">
        <v>583</v>
      </c>
      <c r="AR58" s="18" t="s">
        <v>583</v>
      </c>
      <c r="AS58" s="23"/>
      <c r="AT58" s="14"/>
      <c r="AU58" s="14"/>
      <c r="AV58" s="14"/>
      <c r="AW58" s="14"/>
      <c r="AX58" s="14"/>
    </row>
    <row r="59" spans="1:50" s="15" customFormat="1" ht="42.75" customHeight="1" x14ac:dyDescent="0.65">
      <c r="A59" s="7" t="s">
        <v>574</v>
      </c>
      <c r="B59" s="17" t="s">
        <v>542</v>
      </c>
      <c r="C59" s="17" t="s">
        <v>575</v>
      </c>
      <c r="D59" s="17" t="s">
        <v>576</v>
      </c>
      <c r="E59" s="7" t="s">
        <v>577</v>
      </c>
      <c r="F59" s="18" t="s">
        <v>578</v>
      </c>
      <c r="G59" s="18" t="s">
        <v>579</v>
      </c>
      <c r="H59" s="19" t="s">
        <v>548</v>
      </c>
      <c r="I59" s="18" t="s">
        <v>580</v>
      </c>
      <c r="J59" s="18" t="s">
        <v>550</v>
      </c>
      <c r="K59" s="20" t="s">
        <v>0</v>
      </c>
      <c r="L59" s="21" t="s">
        <v>607</v>
      </c>
      <c r="M59" s="20" t="s">
        <v>607</v>
      </c>
      <c r="N59" s="22" t="s">
        <v>626</v>
      </c>
      <c r="O59" s="12" t="s">
        <v>4</v>
      </c>
      <c r="P59" s="12"/>
      <c r="Q59" s="18" t="s">
        <v>4</v>
      </c>
      <c r="R59" s="18" t="s">
        <v>4</v>
      </c>
      <c r="S59" s="18" t="s">
        <v>4</v>
      </c>
      <c r="T59" s="18" t="s">
        <v>4</v>
      </c>
      <c r="U59" s="18" t="s">
        <v>4</v>
      </c>
      <c r="V59" s="18" t="s">
        <v>4</v>
      </c>
      <c r="W59" s="18" t="s">
        <v>4</v>
      </c>
      <c r="X59" s="18" t="s">
        <v>4</v>
      </c>
      <c r="Y59" s="18" t="s">
        <v>4</v>
      </c>
      <c r="Z59" s="18" t="s">
        <v>4</v>
      </c>
      <c r="AA59" s="18" t="s">
        <v>4</v>
      </c>
      <c r="AB59" s="18" t="s">
        <v>4</v>
      </c>
      <c r="AC59" s="18" t="s">
        <v>4</v>
      </c>
      <c r="AD59" s="18" t="s">
        <v>4</v>
      </c>
      <c r="AE59" s="18" t="s">
        <v>4</v>
      </c>
      <c r="AF59" s="18" t="s">
        <v>4</v>
      </c>
      <c r="AG59" s="18" t="s">
        <v>4</v>
      </c>
      <c r="AH59" s="18" t="s">
        <v>4</v>
      </c>
      <c r="AI59" s="18" t="s">
        <v>4</v>
      </c>
      <c r="AJ59" s="18" t="s">
        <v>4</v>
      </c>
      <c r="AK59" s="18" t="s">
        <v>4</v>
      </c>
      <c r="AL59" s="18" t="s">
        <v>4</v>
      </c>
      <c r="AM59" s="18" t="s">
        <v>4</v>
      </c>
      <c r="AN59" s="18" t="s">
        <v>4</v>
      </c>
      <c r="AO59" s="18" t="s">
        <v>582</v>
      </c>
      <c r="AP59" s="18" t="s">
        <v>583</v>
      </c>
      <c r="AQ59" s="18" t="s">
        <v>583</v>
      </c>
      <c r="AR59" s="18" t="s">
        <v>583</v>
      </c>
      <c r="AS59" s="23"/>
      <c r="AT59" s="14"/>
      <c r="AU59" s="14"/>
      <c r="AV59" s="14"/>
      <c r="AW59" s="14"/>
      <c r="AX59" s="14"/>
    </row>
    <row r="60" spans="1:50" s="15" customFormat="1" ht="42.75" customHeight="1" x14ac:dyDescent="0.65">
      <c r="A60" s="7" t="s">
        <v>574</v>
      </c>
      <c r="B60" s="17" t="s">
        <v>542</v>
      </c>
      <c r="C60" s="17" t="s">
        <v>575</v>
      </c>
      <c r="D60" s="17" t="s">
        <v>576</v>
      </c>
      <c r="E60" s="7" t="s">
        <v>577</v>
      </c>
      <c r="F60" s="18" t="s">
        <v>578</v>
      </c>
      <c r="G60" s="18" t="s">
        <v>579</v>
      </c>
      <c r="H60" s="19" t="s">
        <v>548</v>
      </c>
      <c r="I60" s="18" t="s">
        <v>580</v>
      </c>
      <c r="J60" s="18" t="s">
        <v>550</v>
      </c>
      <c r="K60" s="20" t="s">
        <v>0</v>
      </c>
      <c r="L60" s="21" t="s">
        <v>607</v>
      </c>
      <c r="M60" s="20" t="s">
        <v>607</v>
      </c>
      <c r="N60" s="22" t="s">
        <v>627</v>
      </c>
      <c r="O60" s="12" t="s">
        <v>4</v>
      </c>
      <c r="P60" s="12"/>
      <c r="Q60" s="18" t="s">
        <v>4</v>
      </c>
      <c r="R60" s="18" t="s">
        <v>4</v>
      </c>
      <c r="S60" s="18" t="s">
        <v>4</v>
      </c>
      <c r="T60" s="18" t="s">
        <v>4</v>
      </c>
      <c r="U60" s="18" t="s">
        <v>4</v>
      </c>
      <c r="V60" s="18" t="s">
        <v>4</v>
      </c>
      <c r="W60" s="18" t="s">
        <v>4</v>
      </c>
      <c r="X60" s="18" t="s">
        <v>4</v>
      </c>
      <c r="Y60" s="18" t="s">
        <v>4</v>
      </c>
      <c r="Z60" s="18" t="s">
        <v>4</v>
      </c>
      <c r="AA60" s="18" t="s">
        <v>4</v>
      </c>
      <c r="AB60" s="18" t="s">
        <v>4</v>
      </c>
      <c r="AC60" s="18" t="s">
        <v>4</v>
      </c>
      <c r="AD60" s="18" t="s">
        <v>4</v>
      </c>
      <c r="AE60" s="18" t="s">
        <v>4</v>
      </c>
      <c r="AF60" s="18" t="s">
        <v>4</v>
      </c>
      <c r="AG60" s="18" t="s">
        <v>4</v>
      </c>
      <c r="AH60" s="18" t="s">
        <v>4</v>
      </c>
      <c r="AI60" s="18" t="s">
        <v>4</v>
      </c>
      <c r="AJ60" s="18" t="s">
        <v>4</v>
      </c>
      <c r="AK60" s="18" t="s">
        <v>4</v>
      </c>
      <c r="AL60" s="18" t="s">
        <v>4</v>
      </c>
      <c r="AM60" s="18" t="s">
        <v>4</v>
      </c>
      <c r="AN60" s="18" t="s">
        <v>4</v>
      </c>
      <c r="AO60" s="18" t="s">
        <v>582</v>
      </c>
      <c r="AP60" s="18" t="s">
        <v>583</v>
      </c>
      <c r="AQ60" s="18" t="s">
        <v>583</v>
      </c>
      <c r="AR60" s="18" t="s">
        <v>583</v>
      </c>
      <c r="AS60" s="23"/>
      <c r="AT60" s="14"/>
      <c r="AU60" s="14"/>
      <c r="AV60" s="14"/>
      <c r="AW60" s="14"/>
      <c r="AX60" s="14"/>
    </row>
    <row r="61" spans="1:50" s="15" customFormat="1" ht="42.75" customHeight="1" x14ac:dyDescent="0.65">
      <c r="A61" s="7" t="s">
        <v>574</v>
      </c>
      <c r="B61" s="17" t="s">
        <v>542</v>
      </c>
      <c r="C61" s="17" t="s">
        <v>575</v>
      </c>
      <c r="D61" s="17" t="s">
        <v>576</v>
      </c>
      <c r="E61" s="7" t="s">
        <v>577</v>
      </c>
      <c r="F61" s="18" t="s">
        <v>578</v>
      </c>
      <c r="G61" s="18" t="s">
        <v>579</v>
      </c>
      <c r="H61" s="19" t="s">
        <v>548</v>
      </c>
      <c r="I61" s="18" t="s">
        <v>580</v>
      </c>
      <c r="J61" s="18" t="s">
        <v>550</v>
      </c>
      <c r="K61" s="20" t="s">
        <v>0</v>
      </c>
      <c r="L61" s="21" t="s">
        <v>607</v>
      </c>
      <c r="M61" s="20" t="s">
        <v>607</v>
      </c>
      <c r="N61" s="22" t="s">
        <v>628</v>
      </c>
      <c r="O61" s="12" t="s">
        <v>4</v>
      </c>
      <c r="P61" s="12"/>
      <c r="Q61" s="18" t="s">
        <v>4</v>
      </c>
      <c r="R61" s="18" t="s">
        <v>4</v>
      </c>
      <c r="S61" s="18" t="s">
        <v>4</v>
      </c>
      <c r="T61" s="18" t="s">
        <v>4</v>
      </c>
      <c r="U61" s="18" t="s">
        <v>4</v>
      </c>
      <c r="V61" s="18" t="s">
        <v>4</v>
      </c>
      <c r="W61" s="18" t="s">
        <v>4</v>
      </c>
      <c r="X61" s="18" t="s">
        <v>4</v>
      </c>
      <c r="Y61" s="18" t="s">
        <v>4</v>
      </c>
      <c r="Z61" s="18" t="s">
        <v>4</v>
      </c>
      <c r="AA61" s="18" t="s">
        <v>4</v>
      </c>
      <c r="AB61" s="18" t="s">
        <v>4</v>
      </c>
      <c r="AC61" s="18" t="s">
        <v>4</v>
      </c>
      <c r="AD61" s="18" t="s">
        <v>4</v>
      </c>
      <c r="AE61" s="18" t="s">
        <v>4</v>
      </c>
      <c r="AF61" s="18" t="s">
        <v>4</v>
      </c>
      <c r="AG61" s="18" t="s">
        <v>4</v>
      </c>
      <c r="AH61" s="18" t="s">
        <v>4</v>
      </c>
      <c r="AI61" s="18" t="s">
        <v>4</v>
      </c>
      <c r="AJ61" s="18" t="s">
        <v>4</v>
      </c>
      <c r="AK61" s="18" t="s">
        <v>4</v>
      </c>
      <c r="AL61" s="18" t="s">
        <v>4</v>
      </c>
      <c r="AM61" s="18" t="s">
        <v>4</v>
      </c>
      <c r="AN61" s="18" t="s">
        <v>4</v>
      </c>
      <c r="AO61" s="18" t="s">
        <v>582</v>
      </c>
      <c r="AP61" s="18" t="s">
        <v>583</v>
      </c>
      <c r="AQ61" s="18" t="s">
        <v>583</v>
      </c>
      <c r="AR61" s="18" t="s">
        <v>583</v>
      </c>
      <c r="AS61" s="23"/>
      <c r="AT61" s="14"/>
      <c r="AU61" s="14"/>
      <c r="AV61" s="14"/>
      <c r="AW61" s="14"/>
      <c r="AX61" s="14"/>
    </row>
    <row r="62" spans="1:50" s="15" customFormat="1" ht="42.75" customHeight="1" x14ac:dyDescent="0.65">
      <c r="A62" s="7" t="s">
        <v>574</v>
      </c>
      <c r="B62" s="17" t="s">
        <v>542</v>
      </c>
      <c r="C62" s="17" t="s">
        <v>575</v>
      </c>
      <c r="D62" s="17" t="s">
        <v>576</v>
      </c>
      <c r="E62" s="7" t="s">
        <v>577</v>
      </c>
      <c r="F62" s="18" t="s">
        <v>578</v>
      </c>
      <c r="G62" s="18" t="s">
        <v>579</v>
      </c>
      <c r="H62" s="19" t="s">
        <v>548</v>
      </c>
      <c r="I62" s="18" t="s">
        <v>580</v>
      </c>
      <c r="J62" s="18" t="s">
        <v>550</v>
      </c>
      <c r="K62" s="20" t="s">
        <v>0</v>
      </c>
      <c r="L62" s="21" t="s">
        <v>607</v>
      </c>
      <c r="M62" s="20" t="s">
        <v>607</v>
      </c>
      <c r="N62" s="22" t="s">
        <v>629</v>
      </c>
      <c r="O62" s="12" t="s">
        <v>4</v>
      </c>
      <c r="P62" s="12"/>
      <c r="Q62" s="18" t="s">
        <v>4</v>
      </c>
      <c r="R62" s="18" t="s">
        <v>4</v>
      </c>
      <c r="S62" s="18" t="s">
        <v>4</v>
      </c>
      <c r="T62" s="18" t="s">
        <v>4</v>
      </c>
      <c r="U62" s="18" t="s">
        <v>4</v>
      </c>
      <c r="V62" s="18" t="s">
        <v>4</v>
      </c>
      <c r="W62" s="18" t="s">
        <v>4</v>
      </c>
      <c r="X62" s="18" t="s">
        <v>4</v>
      </c>
      <c r="Y62" s="18" t="s">
        <v>4</v>
      </c>
      <c r="Z62" s="18" t="s">
        <v>4</v>
      </c>
      <c r="AA62" s="18" t="s">
        <v>4</v>
      </c>
      <c r="AB62" s="18" t="s">
        <v>4</v>
      </c>
      <c r="AC62" s="18" t="s">
        <v>4</v>
      </c>
      <c r="AD62" s="18" t="s">
        <v>4</v>
      </c>
      <c r="AE62" s="18" t="s">
        <v>4</v>
      </c>
      <c r="AF62" s="18" t="s">
        <v>4</v>
      </c>
      <c r="AG62" s="18" t="s">
        <v>4</v>
      </c>
      <c r="AH62" s="18" t="s">
        <v>4</v>
      </c>
      <c r="AI62" s="18" t="s">
        <v>4</v>
      </c>
      <c r="AJ62" s="18" t="s">
        <v>4</v>
      </c>
      <c r="AK62" s="18" t="s">
        <v>4</v>
      </c>
      <c r="AL62" s="18" t="s">
        <v>4</v>
      </c>
      <c r="AM62" s="18" t="s">
        <v>4</v>
      </c>
      <c r="AN62" s="18" t="s">
        <v>4</v>
      </c>
      <c r="AO62" s="18" t="s">
        <v>582</v>
      </c>
      <c r="AP62" s="18" t="s">
        <v>583</v>
      </c>
      <c r="AQ62" s="18" t="s">
        <v>583</v>
      </c>
      <c r="AR62" s="18" t="s">
        <v>583</v>
      </c>
      <c r="AS62" s="23"/>
      <c r="AT62" s="14"/>
      <c r="AU62" s="14"/>
      <c r="AV62" s="14"/>
      <c r="AW62" s="14"/>
      <c r="AX62" s="14"/>
    </row>
    <row r="63" spans="1:50" s="15" customFormat="1" ht="42.75" customHeight="1" x14ac:dyDescent="0.65">
      <c r="A63" s="7" t="s">
        <v>574</v>
      </c>
      <c r="B63" s="17" t="s">
        <v>542</v>
      </c>
      <c r="C63" s="17" t="s">
        <v>575</v>
      </c>
      <c r="D63" s="17" t="s">
        <v>576</v>
      </c>
      <c r="E63" s="7" t="s">
        <v>577</v>
      </c>
      <c r="F63" s="18" t="s">
        <v>578</v>
      </c>
      <c r="G63" s="18" t="s">
        <v>579</v>
      </c>
      <c r="H63" s="19" t="s">
        <v>548</v>
      </c>
      <c r="I63" s="18" t="s">
        <v>580</v>
      </c>
      <c r="J63" s="18" t="s">
        <v>550</v>
      </c>
      <c r="K63" s="20" t="s">
        <v>0</v>
      </c>
      <c r="L63" s="21" t="s">
        <v>607</v>
      </c>
      <c r="M63" s="20" t="s">
        <v>607</v>
      </c>
      <c r="N63" s="22" t="s">
        <v>630</v>
      </c>
      <c r="O63" s="12" t="s">
        <v>4</v>
      </c>
      <c r="P63" s="12"/>
      <c r="Q63" s="18" t="s">
        <v>4</v>
      </c>
      <c r="R63" s="18" t="s">
        <v>4</v>
      </c>
      <c r="S63" s="18" t="s">
        <v>4</v>
      </c>
      <c r="T63" s="18" t="s">
        <v>4</v>
      </c>
      <c r="U63" s="18" t="s">
        <v>4</v>
      </c>
      <c r="V63" s="18" t="s">
        <v>4</v>
      </c>
      <c r="W63" s="18" t="s">
        <v>4</v>
      </c>
      <c r="X63" s="18" t="s">
        <v>4</v>
      </c>
      <c r="Y63" s="18" t="s">
        <v>4</v>
      </c>
      <c r="Z63" s="18" t="s">
        <v>4</v>
      </c>
      <c r="AA63" s="18" t="s">
        <v>4</v>
      </c>
      <c r="AB63" s="18" t="s">
        <v>4</v>
      </c>
      <c r="AC63" s="18" t="s">
        <v>4</v>
      </c>
      <c r="AD63" s="18" t="s">
        <v>4</v>
      </c>
      <c r="AE63" s="18" t="s">
        <v>4</v>
      </c>
      <c r="AF63" s="18" t="s">
        <v>4</v>
      </c>
      <c r="AG63" s="18" t="s">
        <v>4</v>
      </c>
      <c r="AH63" s="18" t="s">
        <v>4</v>
      </c>
      <c r="AI63" s="18" t="s">
        <v>4</v>
      </c>
      <c r="AJ63" s="18" t="s">
        <v>4</v>
      </c>
      <c r="AK63" s="18" t="s">
        <v>4</v>
      </c>
      <c r="AL63" s="18" t="s">
        <v>4</v>
      </c>
      <c r="AM63" s="18" t="s">
        <v>4</v>
      </c>
      <c r="AN63" s="18" t="s">
        <v>4</v>
      </c>
      <c r="AO63" s="18" t="s">
        <v>582</v>
      </c>
      <c r="AP63" s="18" t="s">
        <v>583</v>
      </c>
      <c r="AQ63" s="18" t="s">
        <v>583</v>
      </c>
      <c r="AR63" s="18" t="s">
        <v>583</v>
      </c>
      <c r="AS63" s="23"/>
      <c r="AT63" s="14"/>
      <c r="AU63" s="14"/>
      <c r="AV63" s="14"/>
      <c r="AW63" s="14"/>
      <c r="AX63" s="14"/>
    </row>
    <row r="64" spans="1:50" s="15" customFormat="1" ht="42.75" customHeight="1" x14ac:dyDescent="0.65">
      <c r="A64" s="7" t="s">
        <v>574</v>
      </c>
      <c r="B64" s="17" t="s">
        <v>542</v>
      </c>
      <c r="C64" s="17" t="s">
        <v>575</v>
      </c>
      <c r="D64" s="17" t="s">
        <v>576</v>
      </c>
      <c r="E64" s="7" t="s">
        <v>577</v>
      </c>
      <c r="F64" s="18" t="s">
        <v>578</v>
      </c>
      <c r="G64" s="18" t="s">
        <v>579</v>
      </c>
      <c r="H64" s="19" t="s">
        <v>548</v>
      </c>
      <c r="I64" s="18" t="s">
        <v>580</v>
      </c>
      <c r="J64" s="18" t="s">
        <v>550</v>
      </c>
      <c r="K64" s="20" t="s">
        <v>0</v>
      </c>
      <c r="L64" s="21" t="s">
        <v>607</v>
      </c>
      <c r="M64" s="20" t="s">
        <v>607</v>
      </c>
      <c r="N64" s="22" t="s">
        <v>631</v>
      </c>
      <c r="O64" s="12" t="s">
        <v>4</v>
      </c>
      <c r="P64" s="12"/>
      <c r="Q64" s="18" t="s">
        <v>4</v>
      </c>
      <c r="R64" s="18" t="s">
        <v>4</v>
      </c>
      <c r="S64" s="18" t="s">
        <v>4</v>
      </c>
      <c r="T64" s="18" t="s">
        <v>4</v>
      </c>
      <c r="U64" s="18" t="s">
        <v>4</v>
      </c>
      <c r="V64" s="18" t="s">
        <v>4</v>
      </c>
      <c r="W64" s="18" t="s">
        <v>4</v>
      </c>
      <c r="X64" s="18" t="s">
        <v>4</v>
      </c>
      <c r="Y64" s="18" t="s">
        <v>4</v>
      </c>
      <c r="Z64" s="18" t="s">
        <v>4</v>
      </c>
      <c r="AA64" s="18" t="s">
        <v>4</v>
      </c>
      <c r="AB64" s="18" t="s">
        <v>4</v>
      </c>
      <c r="AC64" s="18" t="s">
        <v>4</v>
      </c>
      <c r="AD64" s="18" t="s">
        <v>4</v>
      </c>
      <c r="AE64" s="18" t="s">
        <v>4</v>
      </c>
      <c r="AF64" s="18" t="s">
        <v>4</v>
      </c>
      <c r="AG64" s="18" t="s">
        <v>4</v>
      </c>
      <c r="AH64" s="18" t="s">
        <v>4</v>
      </c>
      <c r="AI64" s="18" t="s">
        <v>4</v>
      </c>
      <c r="AJ64" s="18" t="s">
        <v>4</v>
      </c>
      <c r="AK64" s="18" t="s">
        <v>4</v>
      </c>
      <c r="AL64" s="18" t="s">
        <v>4</v>
      </c>
      <c r="AM64" s="18" t="s">
        <v>4</v>
      </c>
      <c r="AN64" s="18" t="s">
        <v>4</v>
      </c>
      <c r="AO64" s="18" t="s">
        <v>582</v>
      </c>
      <c r="AP64" s="18" t="s">
        <v>583</v>
      </c>
      <c r="AQ64" s="18" t="s">
        <v>583</v>
      </c>
      <c r="AR64" s="18" t="s">
        <v>583</v>
      </c>
      <c r="AS64" s="23"/>
      <c r="AT64" s="14"/>
      <c r="AU64" s="14"/>
      <c r="AV64" s="14"/>
      <c r="AW64" s="14"/>
      <c r="AX64" s="14"/>
    </row>
    <row r="65" spans="1:50" s="15" customFormat="1" ht="42.75" customHeight="1" x14ac:dyDescent="0.65">
      <c r="A65" s="7" t="s">
        <v>574</v>
      </c>
      <c r="B65" s="17" t="s">
        <v>542</v>
      </c>
      <c r="C65" s="17" t="s">
        <v>575</v>
      </c>
      <c r="D65" s="17" t="s">
        <v>576</v>
      </c>
      <c r="E65" s="7" t="s">
        <v>577</v>
      </c>
      <c r="F65" s="18" t="s">
        <v>578</v>
      </c>
      <c r="G65" s="18" t="s">
        <v>579</v>
      </c>
      <c r="H65" s="19" t="s">
        <v>548</v>
      </c>
      <c r="I65" s="18" t="s">
        <v>580</v>
      </c>
      <c r="J65" s="18" t="s">
        <v>550</v>
      </c>
      <c r="K65" s="20" t="s">
        <v>0</v>
      </c>
      <c r="L65" s="21" t="s">
        <v>607</v>
      </c>
      <c r="M65" s="20" t="s">
        <v>607</v>
      </c>
      <c r="N65" s="22" t="s">
        <v>632</v>
      </c>
      <c r="O65" s="12" t="s">
        <v>4</v>
      </c>
      <c r="P65" s="12"/>
      <c r="Q65" s="18" t="s">
        <v>4</v>
      </c>
      <c r="R65" s="18" t="s">
        <v>4</v>
      </c>
      <c r="S65" s="18" t="s">
        <v>4</v>
      </c>
      <c r="T65" s="18" t="s">
        <v>4</v>
      </c>
      <c r="U65" s="18" t="s">
        <v>4</v>
      </c>
      <c r="V65" s="18" t="s">
        <v>4</v>
      </c>
      <c r="W65" s="18" t="s">
        <v>4</v>
      </c>
      <c r="X65" s="18" t="s">
        <v>4</v>
      </c>
      <c r="Y65" s="18" t="s">
        <v>4</v>
      </c>
      <c r="Z65" s="18" t="s">
        <v>4</v>
      </c>
      <c r="AA65" s="18" t="s">
        <v>4</v>
      </c>
      <c r="AB65" s="18" t="s">
        <v>4</v>
      </c>
      <c r="AC65" s="18" t="s">
        <v>4</v>
      </c>
      <c r="AD65" s="18" t="s">
        <v>4</v>
      </c>
      <c r="AE65" s="18" t="s">
        <v>4</v>
      </c>
      <c r="AF65" s="18" t="s">
        <v>4</v>
      </c>
      <c r="AG65" s="18" t="s">
        <v>4</v>
      </c>
      <c r="AH65" s="18" t="s">
        <v>4</v>
      </c>
      <c r="AI65" s="18" t="s">
        <v>4</v>
      </c>
      <c r="AJ65" s="18" t="s">
        <v>4</v>
      </c>
      <c r="AK65" s="18" t="s">
        <v>4</v>
      </c>
      <c r="AL65" s="18" t="s">
        <v>4</v>
      </c>
      <c r="AM65" s="18" t="s">
        <v>4</v>
      </c>
      <c r="AN65" s="18" t="s">
        <v>4</v>
      </c>
      <c r="AO65" s="18" t="s">
        <v>582</v>
      </c>
      <c r="AP65" s="18" t="s">
        <v>583</v>
      </c>
      <c r="AQ65" s="18" t="s">
        <v>583</v>
      </c>
      <c r="AR65" s="18" t="s">
        <v>583</v>
      </c>
      <c r="AS65" s="23"/>
      <c r="AT65" s="14"/>
      <c r="AU65" s="14"/>
      <c r="AV65" s="14"/>
      <c r="AW65" s="14"/>
      <c r="AX65" s="14"/>
    </row>
    <row r="66" spans="1:50" s="15" customFormat="1" ht="42.75" customHeight="1" x14ac:dyDescent="0.65">
      <c r="A66" s="7" t="s">
        <v>574</v>
      </c>
      <c r="B66" s="17" t="s">
        <v>542</v>
      </c>
      <c r="C66" s="17" t="s">
        <v>575</v>
      </c>
      <c r="D66" s="17" t="s">
        <v>576</v>
      </c>
      <c r="E66" s="7" t="s">
        <v>577</v>
      </c>
      <c r="F66" s="18" t="s">
        <v>578</v>
      </c>
      <c r="G66" s="18" t="s">
        <v>579</v>
      </c>
      <c r="H66" s="19" t="s">
        <v>548</v>
      </c>
      <c r="I66" s="18" t="s">
        <v>580</v>
      </c>
      <c r="J66" s="18" t="s">
        <v>550</v>
      </c>
      <c r="K66" s="20" t="s">
        <v>0</v>
      </c>
      <c r="L66" s="21" t="s">
        <v>607</v>
      </c>
      <c r="M66" s="20" t="s">
        <v>607</v>
      </c>
      <c r="N66" s="22" t="s">
        <v>633</v>
      </c>
      <c r="O66" s="12" t="s">
        <v>4</v>
      </c>
      <c r="P66" s="12"/>
      <c r="Q66" s="18" t="s">
        <v>4</v>
      </c>
      <c r="R66" s="18" t="s">
        <v>4</v>
      </c>
      <c r="S66" s="18" t="s">
        <v>4</v>
      </c>
      <c r="T66" s="18" t="s">
        <v>4</v>
      </c>
      <c r="U66" s="18" t="s">
        <v>4</v>
      </c>
      <c r="V66" s="18" t="s">
        <v>4</v>
      </c>
      <c r="W66" s="18" t="s">
        <v>4</v>
      </c>
      <c r="X66" s="18" t="s">
        <v>4</v>
      </c>
      <c r="Y66" s="18" t="s">
        <v>4</v>
      </c>
      <c r="Z66" s="18" t="s">
        <v>4</v>
      </c>
      <c r="AA66" s="18" t="s">
        <v>4</v>
      </c>
      <c r="AB66" s="18" t="s">
        <v>4</v>
      </c>
      <c r="AC66" s="18" t="s">
        <v>4</v>
      </c>
      <c r="AD66" s="18" t="s">
        <v>4</v>
      </c>
      <c r="AE66" s="18" t="s">
        <v>4</v>
      </c>
      <c r="AF66" s="18" t="s">
        <v>4</v>
      </c>
      <c r="AG66" s="18" t="s">
        <v>4</v>
      </c>
      <c r="AH66" s="18" t="s">
        <v>4</v>
      </c>
      <c r="AI66" s="18" t="s">
        <v>4</v>
      </c>
      <c r="AJ66" s="18" t="s">
        <v>4</v>
      </c>
      <c r="AK66" s="18" t="s">
        <v>4</v>
      </c>
      <c r="AL66" s="18" t="s">
        <v>4</v>
      </c>
      <c r="AM66" s="18" t="s">
        <v>4</v>
      </c>
      <c r="AN66" s="18" t="s">
        <v>4</v>
      </c>
      <c r="AO66" s="18" t="s">
        <v>582</v>
      </c>
      <c r="AP66" s="18" t="s">
        <v>583</v>
      </c>
      <c r="AQ66" s="18" t="s">
        <v>583</v>
      </c>
      <c r="AR66" s="18" t="s">
        <v>583</v>
      </c>
      <c r="AS66" s="23"/>
      <c r="AT66" s="14"/>
      <c r="AU66" s="14"/>
      <c r="AV66" s="14"/>
      <c r="AW66" s="14"/>
      <c r="AX66" s="14"/>
    </row>
    <row r="67" spans="1:50" s="15" customFormat="1" ht="42.75" customHeight="1" x14ac:dyDescent="0.65">
      <c r="A67" s="7" t="s">
        <v>574</v>
      </c>
      <c r="B67" s="17" t="s">
        <v>542</v>
      </c>
      <c r="C67" s="17" t="s">
        <v>575</v>
      </c>
      <c r="D67" s="17" t="s">
        <v>576</v>
      </c>
      <c r="E67" s="7" t="s">
        <v>577</v>
      </c>
      <c r="F67" s="18" t="s">
        <v>578</v>
      </c>
      <c r="G67" s="18" t="s">
        <v>579</v>
      </c>
      <c r="H67" s="19" t="s">
        <v>548</v>
      </c>
      <c r="I67" s="18" t="s">
        <v>580</v>
      </c>
      <c r="J67" s="18" t="s">
        <v>550</v>
      </c>
      <c r="K67" s="20" t="s">
        <v>0</v>
      </c>
      <c r="L67" s="21" t="s">
        <v>607</v>
      </c>
      <c r="M67" s="20" t="s">
        <v>607</v>
      </c>
      <c r="N67" s="22" t="s">
        <v>634</v>
      </c>
      <c r="O67" s="12" t="s">
        <v>4</v>
      </c>
      <c r="P67" s="12"/>
      <c r="Q67" s="18" t="s">
        <v>4</v>
      </c>
      <c r="R67" s="18" t="s">
        <v>4</v>
      </c>
      <c r="S67" s="18" t="s">
        <v>4</v>
      </c>
      <c r="T67" s="18" t="s">
        <v>4</v>
      </c>
      <c r="U67" s="18" t="s">
        <v>4</v>
      </c>
      <c r="V67" s="18" t="s">
        <v>4</v>
      </c>
      <c r="W67" s="18" t="s">
        <v>4</v>
      </c>
      <c r="X67" s="18" t="s">
        <v>4</v>
      </c>
      <c r="Y67" s="18" t="s">
        <v>4</v>
      </c>
      <c r="Z67" s="18" t="s">
        <v>4</v>
      </c>
      <c r="AA67" s="18" t="s">
        <v>4</v>
      </c>
      <c r="AB67" s="18" t="s">
        <v>4</v>
      </c>
      <c r="AC67" s="18" t="s">
        <v>4</v>
      </c>
      <c r="AD67" s="18" t="s">
        <v>4</v>
      </c>
      <c r="AE67" s="18" t="s">
        <v>4</v>
      </c>
      <c r="AF67" s="18" t="s">
        <v>4</v>
      </c>
      <c r="AG67" s="18" t="s">
        <v>4</v>
      </c>
      <c r="AH67" s="18" t="s">
        <v>4</v>
      </c>
      <c r="AI67" s="18" t="s">
        <v>4</v>
      </c>
      <c r="AJ67" s="18" t="s">
        <v>4</v>
      </c>
      <c r="AK67" s="18" t="s">
        <v>4</v>
      </c>
      <c r="AL67" s="18" t="s">
        <v>4</v>
      </c>
      <c r="AM67" s="18" t="s">
        <v>4</v>
      </c>
      <c r="AN67" s="18" t="s">
        <v>4</v>
      </c>
      <c r="AO67" s="18" t="s">
        <v>582</v>
      </c>
      <c r="AP67" s="18" t="s">
        <v>583</v>
      </c>
      <c r="AQ67" s="18" t="s">
        <v>583</v>
      </c>
      <c r="AR67" s="18" t="s">
        <v>583</v>
      </c>
      <c r="AS67" s="23" t="s">
        <v>635</v>
      </c>
      <c r="AT67" s="14"/>
      <c r="AU67" s="14"/>
      <c r="AV67" s="14"/>
      <c r="AW67" s="14"/>
      <c r="AX67" s="14"/>
    </row>
    <row r="68" spans="1:50" s="15" customFormat="1" ht="42.75" customHeight="1" x14ac:dyDescent="0.65">
      <c r="A68" s="7" t="s">
        <v>574</v>
      </c>
      <c r="B68" s="17" t="s">
        <v>542</v>
      </c>
      <c r="C68" s="17" t="s">
        <v>575</v>
      </c>
      <c r="D68" s="17" t="s">
        <v>576</v>
      </c>
      <c r="E68" s="7" t="s">
        <v>577</v>
      </c>
      <c r="F68" s="18" t="s">
        <v>578</v>
      </c>
      <c r="G68" s="18" t="s">
        <v>579</v>
      </c>
      <c r="H68" s="19" t="s">
        <v>548</v>
      </c>
      <c r="I68" s="18" t="s">
        <v>580</v>
      </c>
      <c r="J68" s="18" t="s">
        <v>550</v>
      </c>
      <c r="K68" s="20" t="s">
        <v>0</v>
      </c>
      <c r="L68" s="21" t="s">
        <v>607</v>
      </c>
      <c r="M68" s="20" t="s">
        <v>607</v>
      </c>
      <c r="N68" s="22" t="s">
        <v>636</v>
      </c>
      <c r="O68" s="12" t="s">
        <v>4</v>
      </c>
      <c r="P68" s="12"/>
      <c r="Q68" s="18" t="s">
        <v>4</v>
      </c>
      <c r="R68" s="18" t="s">
        <v>4</v>
      </c>
      <c r="S68" s="18" t="s">
        <v>4</v>
      </c>
      <c r="T68" s="18" t="s">
        <v>4</v>
      </c>
      <c r="U68" s="18" t="s">
        <v>4</v>
      </c>
      <c r="V68" s="18" t="s">
        <v>4</v>
      </c>
      <c r="W68" s="18" t="s">
        <v>4</v>
      </c>
      <c r="X68" s="18" t="s">
        <v>4</v>
      </c>
      <c r="Y68" s="18" t="s">
        <v>4</v>
      </c>
      <c r="Z68" s="18" t="s">
        <v>4</v>
      </c>
      <c r="AA68" s="18" t="s">
        <v>4</v>
      </c>
      <c r="AB68" s="18" t="s">
        <v>4</v>
      </c>
      <c r="AC68" s="18" t="s">
        <v>4</v>
      </c>
      <c r="AD68" s="18" t="s">
        <v>4</v>
      </c>
      <c r="AE68" s="18" t="s">
        <v>4</v>
      </c>
      <c r="AF68" s="18" t="s">
        <v>4</v>
      </c>
      <c r="AG68" s="18" t="s">
        <v>4</v>
      </c>
      <c r="AH68" s="18" t="s">
        <v>4</v>
      </c>
      <c r="AI68" s="18" t="s">
        <v>4</v>
      </c>
      <c r="AJ68" s="18" t="s">
        <v>4</v>
      </c>
      <c r="AK68" s="18" t="s">
        <v>4</v>
      </c>
      <c r="AL68" s="18" t="s">
        <v>4</v>
      </c>
      <c r="AM68" s="18" t="s">
        <v>4</v>
      </c>
      <c r="AN68" s="18" t="s">
        <v>4</v>
      </c>
      <c r="AO68" s="18" t="s">
        <v>582</v>
      </c>
      <c r="AP68" s="18" t="s">
        <v>583</v>
      </c>
      <c r="AQ68" s="18" t="s">
        <v>583</v>
      </c>
      <c r="AR68" s="18" t="s">
        <v>583</v>
      </c>
      <c r="AS68" s="23" t="s">
        <v>637</v>
      </c>
      <c r="AT68" s="14"/>
      <c r="AU68" s="14"/>
      <c r="AV68" s="14"/>
      <c r="AW68" s="14"/>
      <c r="AX68" s="14"/>
    </row>
    <row r="69" spans="1:50" s="15" customFormat="1" ht="42.75" customHeight="1" x14ac:dyDescent="0.65">
      <c r="A69" s="7" t="s">
        <v>574</v>
      </c>
      <c r="B69" s="17" t="s">
        <v>542</v>
      </c>
      <c r="C69" s="17" t="s">
        <v>575</v>
      </c>
      <c r="D69" s="17" t="s">
        <v>576</v>
      </c>
      <c r="E69" s="7" t="s">
        <v>577</v>
      </c>
      <c r="F69" s="18" t="s">
        <v>578</v>
      </c>
      <c r="G69" s="18" t="s">
        <v>579</v>
      </c>
      <c r="H69" s="19" t="s">
        <v>548</v>
      </c>
      <c r="I69" s="18" t="s">
        <v>580</v>
      </c>
      <c r="J69" s="18" t="s">
        <v>550</v>
      </c>
      <c r="K69" s="20" t="s">
        <v>0</v>
      </c>
      <c r="L69" s="21" t="s">
        <v>607</v>
      </c>
      <c r="M69" s="20" t="s">
        <v>607</v>
      </c>
      <c r="N69" s="22" t="s">
        <v>638</v>
      </c>
      <c r="O69" s="12" t="s">
        <v>4</v>
      </c>
      <c r="P69" s="12"/>
      <c r="Q69" s="18" t="s">
        <v>4</v>
      </c>
      <c r="R69" s="18" t="s">
        <v>4</v>
      </c>
      <c r="S69" s="18" t="s">
        <v>4</v>
      </c>
      <c r="T69" s="18" t="s">
        <v>4</v>
      </c>
      <c r="U69" s="18" t="s">
        <v>4</v>
      </c>
      <c r="V69" s="18" t="s">
        <v>4</v>
      </c>
      <c r="W69" s="18" t="s">
        <v>4</v>
      </c>
      <c r="X69" s="18" t="s">
        <v>4</v>
      </c>
      <c r="Y69" s="18" t="s">
        <v>4</v>
      </c>
      <c r="Z69" s="18" t="s">
        <v>4</v>
      </c>
      <c r="AA69" s="18" t="s">
        <v>4</v>
      </c>
      <c r="AB69" s="18" t="s">
        <v>4</v>
      </c>
      <c r="AC69" s="18" t="s">
        <v>4</v>
      </c>
      <c r="AD69" s="18" t="s">
        <v>4</v>
      </c>
      <c r="AE69" s="18" t="s">
        <v>4</v>
      </c>
      <c r="AF69" s="18" t="s">
        <v>4</v>
      </c>
      <c r="AG69" s="18" t="s">
        <v>4</v>
      </c>
      <c r="AH69" s="18" t="s">
        <v>4</v>
      </c>
      <c r="AI69" s="18" t="s">
        <v>4</v>
      </c>
      <c r="AJ69" s="18" t="s">
        <v>4</v>
      </c>
      <c r="AK69" s="18" t="s">
        <v>4</v>
      </c>
      <c r="AL69" s="18" t="s">
        <v>4</v>
      </c>
      <c r="AM69" s="18" t="s">
        <v>4</v>
      </c>
      <c r="AN69" s="18" t="s">
        <v>4</v>
      </c>
      <c r="AO69" s="18" t="s">
        <v>582</v>
      </c>
      <c r="AP69" s="18" t="s">
        <v>583</v>
      </c>
      <c r="AQ69" s="18" t="s">
        <v>583</v>
      </c>
      <c r="AR69" s="18" t="s">
        <v>583</v>
      </c>
      <c r="AS69" s="23"/>
      <c r="AT69" s="14"/>
      <c r="AU69" s="14"/>
      <c r="AV69" s="14"/>
      <c r="AW69" s="14"/>
      <c r="AX69" s="14"/>
    </row>
    <row r="70" spans="1:50" s="15" customFormat="1" ht="42.75" customHeight="1" x14ac:dyDescent="0.65">
      <c r="A70" s="7" t="s">
        <v>574</v>
      </c>
      <c r="B70" s="17" t="s">
        <v>542</v>
      </c>
      <c r="C70" s="17" t="s">
        <v>575</v>
      </c>
      <c r="D70" s="17" t="s">
        <v>576</v>
      </c>
      <c r="E70" s="7" t="s">
        <v>577</v>
      </c>
      <c r="F70" s="18" t="s">
        <v>578</v>
      </c>
      <c r="G70" s="18" t="s">
        <v>579</v>
      </c>
      <c r="H70" s="19" t="s">
        <v>548</v>
      </c>
      <c r="I70" s="18" t="s">
        <v>580</v>
      </c>
      <c r="J70" s="18"/>
      <c r="K70" s="20" t="s">
        <v>0</v>
      </c>
      <c r="L70" s="21" t="s">
        <v>639</v>
      </c>
      <c r="M70" s="20" t="s">
        <v>640</v>
      </c>
      <c r="N70" s="22" t="s">
        <v>641</v>
      </c>
      <c r="O70" s="12" t="s">
        <v>4</v>
      </c>
      <c r="P70" s="12"/>
      <c r="Q70" s="18"/>
      <c r="R70" s="18"/>
      <c r="S70" s="18"/>
      <c r="T70" s="18"/>
      <c r="U70" s="18"/>
      <c r="V70" s="18"/>
      <c r="W70" s="18"/>
      <c r="X70" s="18" t="s">
        <v>4</v>
      </c>
      <c r="Y70" s="18" t="s">
        <v>4</v>
      </c>
      <c r="Z70" s="18"/>
      <c r="AA70" s="18"/>
      <c r="AB70" s="18"/>
      <c r="AC70" s="18"/>
      <c r="AD70" s="18"/>
      <c r="AE70" s="18"/>
      <c r="AF70" s="18"/>
      <c r="AG70" s="18"/>
      <c r="AH70" s="18"/>
      <c r="AI70" s="18"/>
      <c r="AJ70" s="18"/>
      <c r="AK70" s="18"/>
      <c r="AL70" s="18"/>
      <c r="AM70" s="18"/>
      <c r="AN70" s="18"/>
      <c r="AO70" s="18" t="s">
        <v>642</v>
      </c>
      <c r="AP70" s="18" t="s">
        <v>583</v>
      </c>
      <c r="AQ70" s="18" t="s">
        <v>583</v>
      </c>
      <c r="AR70" s="18" t="s">
        <v>583</v>
      </c>
      <c r="AS70" s="23"/>
      <c r="AT70" s="14"/>
      <c r="AU70" s="14"/>
      <c r="AV70" s="14"/>
      <c r="AW70" s="14"/>
      <c r="AX70" s="14"/>
    </row>
    <row r="71" spans="1:50" s="15" customFormat="1" ht="42.75" customHeight="1" x14ac:dyDescent="0.65">
      <c r="A71" s="7" t="s">
        <v>574</v>
      </c>
      <c r="B71" s="17" t="s">
        <v>542</v>
      </c>
      <c r="C71" s="17" t="s">
        <v>575</v>
      </c>
      <c r="D71" s="17" t="s">
        <v>576</v>
      </c>
      <c r="E71" s="7" t="s">
        <v>577</v>
      </c>
      <c r="F71" s="18" t="s">
        <v>578</v>
      </c>
      <c r="G71" s="18" t="s">
        <v>579</v>
      </c>
      <c r="H71" s="19" t="s">
        <v>548</v>
      </c>
      <c r="I71" s="18" t="s">
        <v>580</v>
      </c>
      <c r="J71" s="18" t="s">
        <v>643</v>
      </c>
      <c r="K71" s="20" t="s">
        <v>0</v>
      </c>
      <c r="L71" s="21" t="s">
        <v>639</v>
      </c>
      <c r="M71" s="20" t="s">
        <v>391</v>
      </c>
      <c r="N71" s="22" t="s">
        <v>644</v>
      </c>
      <c r="O71" s="12"/>
      <c r="P71" s="12" t="s">
        <v>2</v>
      </c>
      <c r="Q71" s="18"/>
      <c r="R71" s="18"/>
      <c r="S71" s="18"/>
      <c r="T71" s="18"/>
      <c r="U71" s="18"/>
      <c r="V71" s="18"/>
      <c r="W71" s="18"/>
      <c r="X71" s="18" t="s">
        <v>4</v>
      </c>
      <c r="Y71" s="18" t="s">
        <v>4</v>
      </c>
      <c r="Z71" s="18"/>
      <c r="AA71" s="18"/>
      <c r="AB71" s="18"/>
      <c r="AC71" s="18"/>
      <c r="AD71" s="18"/>
      <c r="AE71" s="18"/>
      <c r="AF71" s="18"/>
      <c r="AG71" s="18"/>
      <c r="AH71" s="18"/>
      <c r="AI71" s="18"/>
      <c r="AJ71" s="18"/>
      <c r="AK71" s="18"/>
      <c r="AL71" s="18"/>
      <c r="AM71" s="18"/>
      <c r="AN71" s="18"/>
      <c r="AO71" s="18" t="s">
        <v>642</v>
      </c>
      <c r="AP71" s="18" t="s">
        <v>583</v>
      </c>
      <c r="AQ71" s="18" t="s">
        <v>583</v>
      </c>
      <c r="AR71" s="18" t="s">
        <v>583</v>
      </c>
      <c r="AS71" s="23"/>
      <c r="AT71" s="14"/>
      <c r="AU71" s="14"/>
      <c r="AV71" s="14"/>
      <c r="AW71" s="14"/>
      <c r="AX71" s="14"/>
    </row>
    <row r="72" spans="1:50" s="15" customFormat="1" ht="42.75" customHeight="1" x14ac:dyDescent="0.65">
      <c r="A72" s="7" t="s">
        <v>574</v>
      </c>
      <c r="B72" s="17" t="s">
        <v>542</v>
      </c>
      <c r="C72" s="17" t="s">
        <v>575</v>
      </c>
      <c r="D72" s="17" t="s">
        <v>576</v>
      </c>
      <c r="E72" s="7" t="s">
        <v>577</v>
      </c>
      <c r="F72" s="18" t="s">
        <v>578</v>
      </c>
      <c r="G72" s="18" t="s">
        <v>579</v>
      </c>
      <c r="H72" s="19" t="s">
        <v>548</v>
      </c>
      <c r="I72" s="18" t="s">
        <v>580</v>
      </c>
      <c r="J72" s="18"/>
      <c r="K72" s="20" t="s">
        <v>0</v>
      </c>
      <c r="L72" s="21" t="s">
        <v>645</v>
      </c>
      <c r="M72" s="20" t="s">
        <v>492</v>
      </c>
      <c r="N72" s="22" t="s">
        <v>646</v>
      </c>
      <c r="O72" s="12" t="s">
        <v>4</v>
      </c>
      <c r="P72" s="12"/>
      <c r="Q72" s="18" t="s">
        <v>4</v>
      </c>
      <c r="R72" s="18" t="s">
        <v>4</v>
      </c>
      <c r="S72" s="18" t="s">
        <v>4</v>
      </c>
      <c r="T72" s="18" t="s">
        <v>4</v>
      </c>
      <c r="U72" s="18" t="s">
        <v>4</v>
      </c>
      <c r="V72" s="18" t="s">
        <v>4</v>
      </c>
      <c r="W72" s="18" t="s">
        <v>4</v>
      </c>
      <c r="X72" s="18" t="s">
        <v>4</v>
      </c>
      <c r="Y72" s="18" t="s">
        <v>4</v>
      </c>
      <c r="Z72" s="18" t="s">
        <v>4</v>
      </c>
      <c r="AA72" s="18" t="s">
        <v>4</v>
      </c>
      <c r="AB72" s="18" t="s">
        <v>4</v>
      </c>
      <c r="AC72" s="18" t="s">
        <v>4</v>
      </c>
      <c r="AD72" s="18" t="s">
        <v>4</v>
      </c>
      <c r="AE72" s="18" t="s">
        <v>4</v>
      </c>
      <c r="AF72" s="18" t="s">
        <v>4</v>
      </c>
      <c r="AG72" s="18" t="s">
        <v>4</v>
      </c>
      <c r="AH72" s="18" t="s">
        <v>4</v>
      </c>
      <c r="AI72" s="18" t="s">
        <v>4</v>
      </c>
      <c r="AJ72" s="18" t="s">
        <v>4</v>
      </c>
      <c r="AK72" s="18" t="s">
        <v>4</v>
      </c>
      <c r="AL72" s="18" t="s">
        <v>4</v>
      </c>
      <c r="AM72" s="18" t="s">
        <v>4</v>
      </c>
      <c r="AN72" s="18" t="s">
        <v>4</v>
      </c>
      <c r="AO72" s="18" t="s">
        <v>582</v>
      </c>
      <c r="AP72" s="18" t="s">
        <v>583</v>
      </c>
      <c r="AQ72" s="18" t="s">
        <v>583</v>
      </c>
      <c r="AR72" s="18" t="s">
        <v>583</v>
      </c>
      <c r="AS72" s="23"/>
      <c r="AT72" s="14"/>
      <c r="AU72" s="14"/>
      <c r="AV72" s="14"/>
      <c r="AW72" s="14"/>
      <c r="AX72" s="14"/>
    </row>
    <row r="73" spans="1:50" s="15" customFormat="1" ht="42.75" customHeight="1" x14ac:dyDescent="0.65">
      <c r="A73" s="7" t="s">
        <v>574</v>
      </c>
      <c r="B73" s="17" t="s">
        <v>542</v>
      </c>
      <c r="C73" s="17" t="s">
        <v>575</v>
      </c>
      <c r="D73" s="17" t="s">
        <v>576</v>
      </c>
      <c r="E73" s="7" t="s">
        <v>577</v>
      </c>
      <c r="F73" s="18" t="s">
        <v>578</v>
      </c>
      <c r="G73" s="18" t="s">
        <v>579</v>
      </c>
      <c r="H73" s="19" t="s">
        <v>548</v>
      </c>
      <c r="I73" s="18" t="s">
        <v>580</v>
      </c>
      <c r="J73" s="18"/>
      <c r="K73" s="20" t="s">
        <v>0</v>
      </c>
      <c r="L73" s="21" t="s">
        <v>645</v>
      </c>
      <c r="M73" s="20" t="s">
        <v>492</v>
      </c>
      <c r="N73" s="22" t="s">
        <v>647</v>
      </c>
      <c r="O73" s="12" t="s">
        <v>4</v>
      </c>
      <c r="P73" s="12"/>
      <c r="Q73" s="18" t="s">
        <v>4</v>
      </c>
      <c r="R73" s="18" t="s">
        <v>4</v>
      </c>
      <c r="S73" s="18" t="s">
        <v>4</v>
      </c>
      <c r="T73" s="18" t="s">
        <v>4</v>
      </c>
      <c r="U73" s="18" t="s">
        <v>4</v>
      </c>
      <c r="V73" s="18" t="s">
        <v>4</v>
      </c>
      <c r="W73" s="18" t="s">
        <v>4</v>
      </c>
      <c r="X73" s="18" t="s">
        <v>4</v>
      </c>
      <c r="Y73" s="18" t="s">
        <v>4</v>
      </c>
      <c r="Z73" s="18" t="s">
        <v>4</v>
      </c>
      <c r="AA73" s="18" t="s">
        <v>4</v>
      </c>
      <c r="AB73" s="18" t="s">
        <v>4</v>
      </c>
      <c r="AC73" s="18" t="s">
        <v>4</v>
      </c>
      <c r="AD73" s="18" t="s">
        <v>4</v>
      </c>
      <c r="AE73" s="18" t="s">
        <v>4</v>
      </c>
      <c r="AF73" s="18" t="s">
        <v>4</v>
      </c>
      <c r="AG73" s="18" t="s">
        <v>4</v>
      </c>
      <c r="AH73" s="18" t="s">
        <v>4</v>
      </c>
      <c r="AI73" s="18" t="s">
        <v>4</v>
      </c>
      <c r="AJ73" s="18" t="s">
        <v>4</v>
      </c>
      <c r="AK73" s="18" t="s">
        <v>4</v>
      </c>
      <c r="AL73" s="18" t="s">
        <v>4</v>
      </c>
      <c r="AM73" s="18" t="s">
        <v>4</v>
      </c>
      <c r="AN73" s="18" t="s">
        <v>4</v>
      </c>
      <c r="AO73" s="18" t="s">
        <v>582</v>
      </c>
      <c r="AP73" s="18" t="s">
        <v>583</v>
      </c>
      <c r="AQ73" s="18" t="s">
        <v>583</v>
      </c>
      <c r="AR73" s="18" t="s">
        <v>583</v>
      </c>
      <c r="AS73" s="23"/>
      <c r="AT73" s="14"/>
      <c r="AU73" s="14"/>
      <c r="AV73" s="14"/>
      <c r="AW73" s="14"/>
      <c r="AX73" s="14"/>
    </row>
    <row r="74" spans="1:50" s="15" customFormat="1" ht="42.75" customHeight="1" x14ac:dyDescent="0.65">
      <c r="A74" s="7" t="s">
        <v>574</v>
      </c>
      <c r="B74" s="17" t="s">
        <v>542</v>
      </c>
      <c r="C74" s="17" t="s">
        <v>575</v>
      </c>
      <c r="D74" s="17" t="s">
        <v>576</v>
      </c>
      <c r="E74" s="7" t="s">
        <v>577</v>
      </c>
      <c r="F74" s="18" t="s">
        <v>578</v>
      </c>
      <c r="G74" s="18" t="s">
        <v>579</v>
      </c>
      <c r="H74" s="19" t="s">
        <v>548</v>
      </c>
      <c r="I74" s="18" t="s">
        <v>580</v>
      </c>
      <c r="J74" s="18"/>
      <c r="K74" s="20" t="s">
        <v>0</v>
      </c>
      <c r="L74" s="21" t="s">
        <v>648</v>
      </c>
      <c r="M74" s="20" t="s">
        <v>649</v>
      </c>
      <c r="N74" s="22" t="s">
        <v>650</v>
      </c>
      <c r="O74" s="12" t="s">
        <v>4</v>
      </c>
      <c r="P74" s="12"/>
      <c r="Q74" s="18" t="s">
        <v>4</v>
      </c>
      <c r="R74" s="18" t="s">
        <v>4</v>
      </c>
      <c r="S74" s="18" t="s">
        <v>4</v>
      </c>
      <c r="T74" s="18" t="s">
        <v>4</v>
      </c>
      <c r="U74" s="18" t="s">
        <v>4</v>
      </c>
      <c r="V74" s="18" t="s">
        <v>4</v>
      </c>
      <c r="W74" s="18" t="s">
        <v>4</v>
      </c>
      <c r="X74" s="18" t="s">
        <v>4</v>
      </c>
      <c r="Y74" s="18" t="s">
        <v>4</v>
      </c>
      <c r="Z74" s="18" t="s">
        <v>4</v>
      </c>
      <c r="AA74" s="18" t="s">
        <v>4</v>
      </c>
      <c r="AB74" s="18" t="s">
        <v>4</v>
      </c>
      <c r="AC74" s="18" t="s">
        <v>4</v>
      </c>
      <c r="AD74" s="18" t="s">
        <v>4</v>
      </c>
      <c r="AE74" s="18" t="s">
        <v>4</v>
      </c>
      <c r="AF74" s="18" t="s">
        <v>4</v>
      </c>
      <c r="AG74" s="18" t="s">
        <v>4</v>
      </c>
      <c r="AH74" s="18" t="s">
        <v>4</v>
      </c>
      <c r="AI74" s="18" t="s">
        <v>4</v>
      </c>
      <c r="AJ74" s="18" t="s">
        <v>4</v>
      </c>
      <c r="AK74" s="18" t="s">
        <v>4</v>
      </c>
      <c r="AL74" s="18" t="s">
        <v>4</v>
      </c>
      <c r="AM74" s="18" t="s">
        <v>4</v>
      </c>
      <c r="AN74" s="18" t="s">
        <v>4</v>
      </c>
      <c r="AO74" s="18" t="s">
        <v>582</v>
      </c>
      <c r="AP74" s="18" t="s">
        <v>583</v>
      </c>
      <c r="AQ74" s="18" t="s">
        <v>583</v>
      </c>
      <c r="AR74" s="18" t="s">
        <v>583</v>
      </c>
      <c r="AS74" s="23"/>
      <c r="AT74" s="14"/>
      <c r="AU74" s="14"/>
      <c r="AV74" s="14"/>
      <c r="AW74" s="14"/>
      <c r="AX74" s="14"/>
    </row>
    <row r="75" spans="1:50" s="15" customFormat="1" ht="42.75" customHeight="1" x14ac:dyDescent="0.65">
      <c r="A75" s="7" t="s">
        <v>574</v>
      </c>
      <c r="B75" s="17" t="s">
        <v>542</v>
      </c>
      <c r="C75" s="17" t="s">
        <v>575</v>
      </c>
      <c r="D75" s="17" t="s">
        <v>576</v>
      </c>
      <c r="E75" s="7" t="s">
        <v>577</v>
      </c>
      <c r="F75" s="18" t="s">
        <v>578</v>
      </c>
      <c r="G75" s="18" t="s">
        <v>579</v>
      </c>
      <c r="H75" s="19" t="s">
        <v>548</v>
      </c>
      <c r="I75" s="18" t="s">
        <v>580</v>
      </c>
      <c r="J75" s="18"/>
      <c r="K75" s="20" t="s">
        <v>0</v>
      </c>
      <c r="L75" s="21" t="s">
        <v>648</v>
      </c>
      <c r="M75" s="20" t="s">
        <v>649</v>
      </c>
      <c r="N75" s="22" t="s">
        <v>651</v>
      </c>
      <c r="O75" s="12" t="s">
        <v>4</v>
      </c>
      <c r="P75" s="12"/>
      <c r="Q75" s="18" t="s">
        <v>4</v>
      </c>
      <c r="R75" s="18" t="s">
        <v>4</v>
      </c>
      <c r="S75" s="18" t="s">
        <v>4</v>
      </c>
      <c r="T75" s="18" t="s">
        <v>4</v>
      </c>
      <c r="U75" s="18" t="s">
        <v>4</v>
      </c>
      <c r="V75" s="18" t="s">
        <v>4</v>
      </c>
      <c r="W75" s="18" t="s">
        <v>4</v>
      </c>
      <c r="X75" s="18" t="s">
        <v>4</v>
      </c>
      <c r="Y75" s="18" t="s">
        <v>4</v>
      </c>
      <c r="Z75" s="18" t="s">
        <v>4</v>
      </c>
      <c r="AA75" s="18" t="s">
        <v>4</v>
      </c>
      <c r="AB75" s="18" t="s">
        <v>4</v>
      </c>
      <c r="AC75" s="18" t="s">
        <v>4</v>
      </c>
      <c r="AD75" s="18" t="s">
        <v>4</v>
      </c>
      <c r="AE75" s="18" t="s">
        <v>4</v>
      </c>
      <c r="AF75" s="18" t="s">
        <v>4</v>
      </c>
      <c r="AG75" s="18" t="s">
        <v>4</v>
      </c>
      <c r="AH75" s="18" t="s">
        <v>4</v>
      </c>
      <c r="AI75" s="18" t="s">
        <v>4</v>
      </c>
      <c r="AJ75" s="18" t="s">
        <v>4</v>
      </c>
      <c r="AK75" s="18" t="s">
        <v>4</v>
      </c>
      <c r="AL75" s="18" t="s">
        <v>4</v>
      </c>
      <c r="AM75" s="18" t="s">
        <v>4</v>
      </c>
      <c r="AN75" s="18" t="s">
        <v>4</v>
      </c>
      <c r="AO75" s="18" t="s">
        <v>582</v>
      </c>
      <c r="AP75" s="18" t="s">
        <v>583</v>
      </c>
      <c r="AQ75" s="18" t="s">
        <v>583</v>
      </c>
      <c r="AR75" s="18" t="s">
        <v>583</v>
      </c>
      <c r="AS75" s="23"/>
      <c r="AT75" s="14"/>
      <c r="AU75" s="14"/>
      <c r="AV75" s="14"/>
      <c r="AW75" s="14"/>
      <c r="AX75" s="14"/>
    </row>
    <row r="76" spans="1:50" s="15" customFormat="1" ht="42.75" customHeight="1" x14ac:dyDescent="0.65">
      <c r="A76" s="7" t="s">
        <v>574</v>
      </c>
      <c r="B76" s="17" t="s">
        <v>542</v>
      </c>
      <c r="C76" s="17" t="s">
        <v>575</v>
      </c>
      <c r="D76" s="17" t="s">
        <v>576</v>
      </c>
      <c r="E76" s="7" t="s">
        <v>577</v>
      </c>
      <c r="F76" s="18" t="s">
        <v>578</v>
      </c>
      <c r="G76" s="18" t="s">
        <v>579</v>
      </c>
      <c r="H76" s="19" t="s">
        <v>548</v>
      </c>
      <c r="I76" s="18" t="s">
        <v>580</v>
      </c>
      <c r="J76" s="18"/>
      <c r="K76" s="20" t="s">
        <v>0</v>
      </c>
      <c r="L76" s="21" t="s">
        <v>648</v>
      </c>
      <c r="M76" s="20" t="s">
        <v>649</v>
      </c>
      <c r="N76" s="22" t="s">
        <v>652</v>
      </c>
      <c r="O76" s="12" t="s">
        <v>4</v>
      </c>
      <c r="P76" s="12"/>
      <c r="Q76" s="18" t="s">
        <v>4</v>
      </c>
      <c r="R76" s="18" t="s">
        <v>4</v>
      </c>
      <c r="S76" s="18" t="s">
        <v>4</v>
      </c>
      <c r="T76" s="18" t="s">
        <v>4</v>
      </c>
      <c r="U76" s="18" t="s">
        <v>4</v>
      </c>
      <c r="V76" s="18" t="s">
        <v>4</v>
      </c>
      <c r="W76" s="18" t="s">
        <v>4</v>
      </c>
      <c r="X76" s="18" t="s">
        <v>4</v>
      </c>
      <c r="Y76" s="18" t="s">
        <v>4</v>
      </c>
      <c r="Z76" s="18" t="s">
        <v>4</v>
      </c>
      <c r="AA76" s="18" t="s">
        <v>4</v>
      </c>
      <c r="AB76" s="18" t="s">
        <v>4</v>
      </c>
      <c r="AC76" s="18" t="s">
        <v>4</v>
      </c>
      <c r="AD76" s="18" t="s">
        <v>4</v>
      </c>
      <c r="AE76" s="18" t="s">
        <v>4</v>
      </c>
      <c r="AF76" s="18" t="s">
        <v>4</v>
      </c>
      <c r="AG76" s="18" t="s">
        <v>4</v>
      </c>
      <c r="AH76" s="18" t="s">
        <v>4</v>
      </c>
      <c r="AI76" s="18" t="s">
        <v>4</v>
      </c>
      <c r="AJ76" s="18" t="s">
        <v>4</v>
      </c>
      <c r="AK76" s="18" t="s">
        <v>4</v>
      </c>
      <c r="AL76" s="18" t="s">
        <v>4</v>
      </c>
      <c r="AM76" s="18" t="s">
        <v>4</v>
      </c>
      <c r="AN76" s="18" t="s">
        <v>4</v>
      </c>
      <c r="AO76" s="18" t="s">
        <v>582</v>
      </c>
      <c r="AP76" s="18" t="s">
        <v>583</v>
      </c>
      <c r="AQ76" s="18" t="s">
        <v>583</v>
      </c>
      <c r="AR76" s="18" t="s">
        <v>583</v>
      </c>
      <c r="AS76" s="23"/>
      <c r="AT76" s="14"/>
      <c r="AU76" s="14"/>
      <c r="AV76" s="14"/>
      <c r="AW76" s="14"/>
      <c r="AX76" s="14"/>
    </row>
    <row r="77" spans="1:50" s="15" customFormat="1" ht="52.2" customHeight="1" x14ac:dyDescent="0.65">
      <c r="A77" s="7" t="s">
        <v>574</v>
      </c>
      <c r="B77" s="17" t="s">
        <v>542</v>
      </c>
      <c r="C77" s="17" t="s">
        <v>575</v>
      </c>
      <c r="D77" s="17" t="s">
        <v>576</v>
      </c>
      <c r="E77" s="7" t="s">
        <v>577</v>
      </c>
      <c r="F77" s="18" t="s">
        <v>578</v>
      </c>
      <c r="G77" s="18" t="s">
        <v>579</v>
      </c>
      <c r="H77" s="19" t="s">
        <v>548</v>
      </c>
      <c r="I77" s="18" t="s">
        <v>580</v>
      </c>
      <c r="J77" s="18"/>
      <c r="K77" s="20" t="s">
        <v>0</v>
      </c>
      <c r="L77" s="21" t="s">
        <v>648</v>
      </c>
      <c r="M77" s="20" t="s">
        <v>649</v>
      </c>
      <c r="N77" s="24" t="s">
        <v>653</v>
      </c>
      <c r="O77" s="12" t="s">
        <v>4</v>
      </c>
      <c r="P77" s="12"/>
      <c r="Q77" s="18" t="s">
        <v>4</v>
      </c>
      <c r="R77" s="18" t="s">
        <v>4</v>
      </c>
      <c r="S77" s="18" t="s">
        <v>4</v>
      </c>
      <c r="T77" s="18" t="s">
        <v>4</v>
      </c>
      <c r="U77" s="18" t="s">
        <v>4</v>
      </c>
      <c r="V77" s="18" t="s">
        <v>4</v>
      </c>
      <c r="W77" s="18" t="s">
        <v>4</v>
      </c>
      <c r="X77" s="18" t="s">
        <v>4</v>
      </c>
      <c r="Y77" s="18" t="s">
        <v>4</v>
      </c>
      <c r="Z77" s="18" t="s">
        <v>4</v>
      </c>
      <c r="AA77" s="18" t="s">
        <v>4</v>
      </c>
      <c r="AB77" s="18" t="s">
        <v>4</v>
      </c>
      <c r="AC77" s="18" t="s">
        <v>4</v>
      </c>
      <c r="AD77" s="18" t="s">
        <v>4</v>
      </c>
      <c r="AE77" s="18" t="s">
        <v>4</v>
      </c>
      <c r="AF77" s="18" t="s">
        <v>4</v>
      </c>
      <c r="AG77" s="18" t="s">
        <v>4</v>
      </c>
      <c r="AH77" s="18" t="s">
        <v>4</v>
      </c>
      <c r="AI77" s="18" t="s">
        <v>4</v>
      </c>
      <c r="AJ77" s="18" t="s">
        <v>4</v>
      </c>
      <c r="AK77" s="18" t="s">
        <v>4</v>
      </c>
      <c r="AL77" s="18" t="s">
        <v>4</v>
      </c>
      <c r="AM77" s="18" t="s">
        <v>4</v>
      </c>
      <c r="AN77" s="18" t="s">
        <v>4</v>
      </c>
      <c r="AO77" s="18" t="s">
        <v>582</v>
      </c>
      <c r="AP77" s="18" t="s">
        <v>583</v>
      </c>
      <c r="AQ77" s="18" t="s">
        <v>583</v>
      </c>
      <c r="AR77" s="18" t="s">
        <v>583</v>
      </c>
      <c r="AS77" s="23"/>
      <c r="AT77" s="14"/>
      <c r="AU77" s="14"/>
      <c r="AV77" s="14"/>
      <c r="AW77" s="14"/>
      <c r="AX77" s="14"/>
    </row>
    <row r="78" spans="1:50" s="15" customFormat="1" ht="42.75" customHeight="1" x14ac:dyDescent="0.65">
      <c r="A78" s="7" t="s">
        <v>574</v>
      </c>
      <c r="B78" s="17" t="s">
        <v>542</v>
      </c>
      <c r="C78" s="17" t="s">
        <v>575</v>
      </c>
      <c r="D78" s="17" t="s">
        <v>576</v>
      </c>
      <c r="E78" s="7" t="s">
        <v>577</v>
      </c>
      <c r="F78" s="18" t="s">
        <v>578</v>
      </c>
      <c r="G78" s="18" t="s">
        <v>579</v>
      </c>
      <c r="H78" s="19" t="s">
        <v>548</v>
      </c>
      <c r="I78" s="18" t="s">
        <v>580</v>
      </c>
      <c r="J78" s="18"/>
      <c r="K78" s="20" t="s">
        <v>0</v>
      </c>
      <c r="L78" s="21" t="s">
        <v>648</v>
      </c>
      <c r="M78" s="20" t="s">
        <v>649</v>
      </c>
      <c r="N78" s="22" t="s">
        <v>654</v>
      </c>
      <c r="O78" s="12" t="s">
        <v>4</v>
      </c>
      <c r="P78" s="12"/>
      <c r="Q78" s="18" t="s">
        <v>4</v>
      </c>
      <c r="R78" s="18" t="s">
        <v>4</v>
      </c>
      <c r="S78" s="18" t="s">
        <v>4</v>
      </c>
      <c r="T78" s="18" t="s">
        <v>4</v>
      </c>
      <c r="U78" s="18" t="s">
        <v>4</v>
      </c>
      <c r="V78" s="18" t="s">
        <v>4</v>
      </c>
      <c r="W78" s="18" t="s">
        <v>4</v>
      </c>
      <c r="X78" s="18" t="s">
        <v>4</v>
      </c>
      <c r="Y78" s="18" t="s">
        <v>4</v>
      </c>
      <c r="Z78" s="18" t="s">
        <v>4</v>
      </c>
      <c r="AA78" s="18" t="s">
        <v>4</v>
      </c>
      <c r="AB78" s="18" t="s">
        <v>4</v>
      </c>
      <c r="AC78" s="18" t="s">
        <v>4</v>
      </c>
      <c r="AD78" s="18" t="s">
        <v>4</v>
      </c>
      <c r="AE78" s="18" t="s">
        <v>4</v>
      </c>
      <c r="AF78" s="18" t="s">
        <v>4</v>
      </c>
      <c r="AG78" s="18" t="s">
        <v>4</v>
      </c>
      <c r="AH78" s="18" t="s">
        <v>4</v>
      </c>
      <c r="AI78" s="18" t="s">
        <v>4</v>
      </c>
      <c r="AJ78" s="18" t="s">
        <v>4</v>
      </c>
      <c r="AK78" s="18" t="s">
        <v>4</v>
      </c>
      <c r="AL78" s="18" t="s">
        <v>4</v>
      </c>
      <c r="AM78" s="18" t="s">
        <v>4</v>
      </c>
      <c r="AN78" s="18" t="s">
        <v>4</v>
      </c>
      <c r="AO78" s="18" t="s">
        <v>582</v>
      </c>
      <c r="AP78" s="18" t="s">
        <v>583</v>
      </c>
      <c r="AQ78" s="18" t="s">
        <v>583</v>
      </c>
      <c r="AR78" s="18" t="s">
        <v>583</v>
      </c>
      <c r="AS78" s="23"/>
      <c r="AT78" s="14"/>
      <c r="AU78" s="14"/>
      <c r="AV78" s="14"/>
      <c r="AW78" s="14"/>
      <c r="AX78" s="14"/>
    </row>
    <row r="79" spans="1:50" s="15" customFormat="1" ht="42.75" customHeight="1" x14ac:dyDescent="0.65">
      <c r="A79" s="7" t="s">
        <v>574</v>
      </c>
      <c r="B79" s="17" t="s">
        <v>542</v>
      </c>
      <c r="C79" s="17" t="s">
        <v>575</v>
      </c>
      <c r="D79" s="17" t="s">
        <v>576</v>
      </c>
      <c r="E79" s="7" t="s">
        <v>577</v>
      </c>
      <c r="F79" s="18" t="s">
        <v>578</v>
      </c>
      <c r="G79" s="18" t="s">
        <v>579</v>
      </c>
      <c r="H79" s="19" t="s">
        <v>548</v>
      </c>
      <c r="I79" s="18" t="s">
        <v>580</v>
      </c>
      <c r="J79" s="18"/>
      <c r="K79" s="20" t="s">
        <v>0</v>
      </c>
      <c r="L79" s="21" t="s">
        <v>648</v>
      </c>
      <c r="M79" s="20" t="s">
        <v>649</v>
      </c>
      <c r="N79" s="22" t="s">
        <v>655</v>
      </c>
      <c r="O79" s="12" t="s">
        <v>4</v>
      </c>
      <c r="P79" s="12"/>
      <c r="Q79" s="18" t="s">
        <v>4</v>
      </c>
      <c r="R79" s="18" t="s">
        <v>4</v>
      </c>
      <c r="S79" s="18" t="s">
        <v>4</v>
      </c>
      <c r="T79" s="18" t="s">
        <v>4</v>
      </c>
      <c r="U79" s="18" t="s">
        <v>4</v>
      </c>
      <c r="V79" s="18" t="s">
        <v>4</v>
      </c>
      <c r="W79" s="18" t="s">
        <v>4</v>
      </c>
      <c r="X79" s="18" t="s">
        <v>4</v>
      </c>
      <c r="Y79" s="18" t="s">
        <v>4</v>
      </c>
      <c r="Z79" s="18" t="s">
        <v>4</v>
      </c>
      <c r="AA79" s="18" t="s">
        <v>4</v>
      </c>
      <c r="AB79" s="18" t="s">
        <v>4</v>
      </c>
      <c r="AC79" s="18" t="s">
        <v>4</v>
      </c>
      <c r="AD79" s="18" t="s">
        <v>4</v>
      </c>
      <c r="AE79" s="18" t="s">
        <v>4</v>
      </c>
      <c r="AF79" s="18" t="s">
        <v>4</v>
      </c>
      <c r="AG79" s="18" t="s">
        <v>4</v>
      </c>
      <c r="AH79" s="18" t="s">
        <v>4</v>
      </c>
      <c r="AI79" s="18" t="s">
        <v>4</v>
      </c>
      <c r="AJ79" s="18" t="s">
        <v>4</v>
      </c>
      <c r="AK79" s="18" t="s">
        <v>4</v>
      </c>
      <c r="AL79" s="18" t="s">
        <v>4</v>
      </c>
      <c r="AM79" s="18" t="s">
        <v>4</v>
      </c>
      <c r="AN79" s="18" t="s">
        <v>4</v>
      </c>
      <c r="AO79" s="18" t="s">
        <v>582</v>
      </c>
      <c r="AP79" s="18" t="s">
        <v>583</v>
      </c>
      <c r="AQ79" s="18" t="s">
        <v>583</v>
      </c>
      <c r="AR79" s="18" t="s">
        <v>583</v>
      </c>
      <c r="AS79" s="23"/>
      <c r="AT79" s="14"/>
      <c r="AU79" s="14"/>
      <c r="AV79" s="14"/>
      <c r="AW79" s="14"/>
      <c r="AX79" s="14"/>
    </row>
    <row r="80" spans="1:50" s="15" customFormat="1" ht="42.75" customHeight="1" x14ac:dyDescent="0.65">
      <c r="A80" s="7" t="s">
        <v>574</v>
      </c>
      <c r="B80" s="17" t="s">
        <v>542</v>
      </c>
      <c r="C80" s="17" t="s">
        <v>575</v>
      </c>
      <c r="D80" s="17" t="s">
        <v>576</v>
      </c>
      <c r="E80" s="7" t="s">
        <v>577</v>
      </c>
      <c r="F80" s="18" t="s">
        <v>578</v>
      </c>
      <c r="G80" s="18" t="s">
        <v>579</v>
      </c>
      <c r="H80" s="19" t="s">
        <v>548</v>
      </c>
      <c r="I80" s="18" t="s">
        <v>580</v>
      </c>
      <c r="J80" s="18"/>
      <c r="K80" s="20" t="s">
        <v>0</v>
      </c>
      <c r="L80" s="21" t="s">
        <v>648</v>
      </c>
      <c r="M80" s="20" t="s">
        <v>649</v>
      </c>
      <c r="N80" s="22" t="s">
        <v>656</v>
      </c>
      <c r="O80" s="12" t="s">
        <v>4</v>
      </c>
      <c r="P80" s="12"/>
      <c r="Q80" s="18" t="s">
        <v>4</v>
      </c>
      <c r="R80" s="18" t="s">
        <v>4</v>
      </c>
      <c r="S80" s="18" t="s">
        <v>4</v>
      </c>
      <c r="T80" s="18" t="s">
        <v>4</v>
      </c>
      <c r="U80" s="18" t="s">
        <v>4</v>
      </c>
      <c r="V80" s="18" t="s">
        <v>4</v>
      </c>
      <c r="W80" s="18" t="s">
        <v>4</v>
      </c>
      <c r="X80" s="18" t="s">
        <v>4</v>
      </c>
      <c r="Y80" s="18" t="s">
        <v>4</v>
      </c>
      <c r="Z80" s="18" t="s">
        <v>4</v>
      </c>
      <c r="AA80" s="18" t="s">
        <v>4</v>
      </c>
      <c r="AB80" s="18" t="s">
        <v>4</v>
      </c>
      <c r="AC80" s="18" t="s">
        <v>4</v>
      </c>
      <c r="AD80" s="18" t="s">
        <v>4</v>
      </c>
      <c r="AE80" s="18" t="s">
        <v>4</v>
      </c>
      <c r="AF80" s="18" t="s">
        <v>4</v>
      </c>
      <c r="AG80" s="18" t="s">
        <v>4</v>
      </c>
      <c r="AH80" s="18" t="s">
        <v>4</v>
      </c>
      <c r="AI80" s="18" t="s">
        <v>4</v>
      </c>
      <c r="AJ80" s="18" t="s">
        <v>4</v>
      </c>
      <c r="AK80" s="18" t="s">
        <v>4</v>
      </c>
      <c r="AL80" s="18" t="s">
        <v>4</v>
      </c>
      <c r="AM80" s="18" t="s">
        <v>4</v>
      </c>
      <c r="AN80" s="18" t="s">
        <v>4</v>
      </c>
      <c r="AO80" s="18" t="s">
        <v>582</v>
      </c>
      <c r="AP80" s="18" t="s">
        <v>583</v>
      </c>
      <c r="AQ80" s="18" t="s">
        <v>583</v>
      </c>
      <c r="AR80" s="18" t="s">
        <v>583</v>
      </c>
      <c r="AS80" s="23"/>
      <c r="AT80" s="14"/>
      <c r="AU80" s="14"/>
      <c r="AV80" s="14"/>
      <c r="AW80" s="14"/>
      <c r="AX80" s="14"/>
    </row>
    <row r="81" spans="1:50" s="15" customFormat="1" ht="42.75" customHeight="1" x14ac:dyDescent="0.65">
      <c r="A81" s="7" t="s">
        <v>574</v>
      </c>
      <c r="B81" s="17" t="s">
        <v>542</v>
      </c>
      <c r="C81" s="17" t="s">
        <v>575</v>
      </c>
      <c r="D81" s="17" t="s">
        <v>576</v>
      </c>
      <c r="E81" s="7" t="s">
        <v>577</v>
      </c>
      <c r="F81" s="18" t="s">
        <v>578</v>
      </c>
      <c r="G81" s="18" t="s">
        <v>579</v>
      </c>
      <c r="H81" s="19" t="s">
        <v>548</v>
      </c>
      <c r="I81" s="18" t="s">
        <v>580</v>
      </c>
      <c r="J81" s="18"/>
      <c r="K81" s="20" t="s">
        <v>0</v>
      </c>
      <c r="L81" s="21" t="s">
        <v>648</v>
      </c>
      <c r="M81" s="20" t="s">
        <v>649</v>
      </c>
      <c r="N81" s="22" t="s">
        <v>657</v>
      </c>
      <c r="O81" s="12" t="s">
        <v>4</v>
      </c>
      <c r="P81" s="12"/>
      <c r="Q81" s="18" t="s">
        <v>4</v>
      </c>
      <c r="R81" s="18" t="s">
        <v>4</v>
      </c>
      <c r="S81" s="18" t="s">
        <v>4</v>
      </c>
      <c r="T81" s="18" t="s">
        <v>4</v>
      </c>
      <c r="U81" s="18" t="s">
        <v>4</v>
      </c>
      <c r="V81" s="18" t="s">
        <v>4</v>
      </c>
      <c r="W81" s="18" t="s">
        <v>4</v>
      </c>
      <c r="X81" s="18" t="s">
        <v>4</v>
      </c>
      <c r="Y81" s="18" t="s">
        <v>4</v>
      </c>
      <c r="Z81" s="18" t="s">
        <v>4</v>
      </c>
      <c r="AA81" s="18" t="s">
        <v>4</v>
      </c>
      <c r="AB81" s="18" t="s">
        <v>4</v>
      </c>
      <c r="AC81" s="18" t="s">
        <v>4</v>
      </c>
      <c r="AD81" s="18" t="s">
        <v>4</v>
      </c>
      <c r="AE81" s="18" t="s">
        <v>4</v>
      </c>
      <c r="AF81" s="18" t="s">
        <v>4</v>
      </c>
      <c r="AG81" s="18" t="s">
        <v>4</v>
      </c>
      <c r="AH81" s="18" t="s">
        <v>4</v>
      </c>
      <c r="AI81" s="18" t="s">
        <v>4</v>
      </c>
      <c r="AJ81" s="18" t="s">
        <v>4</v>
      </c>
      <c r="AK81" s="18" t="s">
        <v>4</v>
      </c>
      <c r="AL81" s="18" t="s">
        <v>4</v>
      </c>
      <c r="AM81" s="18" t="s">
        <v>4</v>
      </c>
      <c r="AN81" s="18" t="s">
        <v>4</v>
      </c>
      <c r="AO81" s="18" t="s">
        <v>582</v>
      </c>
      <c r="AP81" s="18" t="s">
        <v>583</v>
      </c>
      <c r="AQ81" s="18" t="s">
        <v>583</v>
      </c>
      <c r="AR81" s="18" t="s">
        <v>583</v>
      </c>
      <c r="AS81" s="23"/>
      <c r="AT81" s="14"/>
      <c r="AU81" s="14"/>
      <c r="AV81" s="14"/>
      <c r="AW81" s="14"/>
      <c r="AX81" s="14"/>
    </row>
    <row r="82" spans="1:50" s="15" customFormat="1" ht="42.75" customHeight="1" x14ac:dyDescent="0.65">
      <c r="A82" s="7" t="s">
        <v>574</v>
      </c>
      <c r="B82" s="17" t="s">
        <v>542</v>
      </c>
      <c r="C82" s="17" t="s">
        <v>575</v>
      </c>
      <c r="D82" s="17" t="s">
        <v>576</v>
      </c>
      <c r="E82" s="7" t="s">
        <v>577</v>
      </c>
      <c r="F82" s="18" t="s">
        <v>578</v>
      </c>
      <c r="G82" s="18" t="s">
        <v>579</v>
      </c>
      <c r="H82" s="19" t="s">
        <v>548</v>
      </c>
      <c r="I82" s="18" t="s">
        <v>580</v>
      </c>
      <c r="J82" s="18"/>
      <c r="K82" s="20" t="s">
        <v>0</v>
      </c>
      <c r="L82" s="21" t="s">
        <v>648</v>
      </c>
      <c r="M82" s="20" t="s">
        <v>649</v>
      </c>
      <c r="N82" s="22" t="s">
        <v>658</v>
      </c>
      <c r="O82" s="12" t="s">
        <v>4</v>
      </c>
      <c r="P82" s="12"/>
      <c r="Q82" s="18" t="s">
        <v>4</v>
      </c>
      <c r="R82" s="18" t="s">
        <v>4</v>
      </c>
      <c r="S82" s="18" t="s">
        <v>4</v>
      </c>
      <c r="T82" s="18" t="s">
        <v>4</v>
      </c>
      <c r="U82" s="18" t="s">
        <v>4</v>
      </c>
      <c r="V82" s="18" t="s">
        <v>4</v>
      </c>
      <c r="W82" s="18" t="s">
        <v>4</v>
      </c>
      <c r="X82" s="18" t="s">
        <v>4</v>
      </c>
      <c r="Y82" s="18" t="s">
        <v>4</v>
      </c>
      <c r="Z82" s="18" t="s">
        <v>4</v>
      </c>
      <c r="AA82" s="18" t="s">
        <v>4</v>
      </c>
      <c r="AB82" s="18" t="s">
        <v>4</v>
      </c>
      <c r="AC82" s="18" t="s">
        <v>4</v>
      </c>
      <c r="AD82" s="18" t="s">
        <v>4</v>
      </c>
      <c r="AE82" s="18" t="s">
        <v>4</v>
      </c>
      <c r="AF82" s="18" t="s">
        <v>4</v>
      </c>
      <c r="AG82" s="18" t="s">
        <v>4</v>
      </c>
      <c r="AH82" s="18" t="s">
        <v>4</v>
      </c>
      <c r="AI82" s="18" t="s">
        <v>4</v>
      </c>
      <c r="AJ82" s="18" t="s">
        <v>4</v>
      </c>
      <c r="AK82" s="18" t="s">
        <v>4</v>
      </c>
      <c r="AL82" s="18" t="s">
        <v>4</v>
      </c>
      <c r="AM82" s="18" t="s">
        <v>4</v>
      </c>
      <c r="AN82" s="18" t="s">
        <v>4</v>
      </c>
      <c r="AO82" s="18" t="s">
        <v>582</v>
      </c>
      <c r="AP82" s="18" t="s">
        <v>583</v>
      </c>
      <c r="AQ82" s="18" t="s">
        <v>583</v>
      </c>
      <c r="AR82" s="18" t="s">
        <v>583</v>
      </c>
      <c r="AS82" s="23"/>
      <c r="AT82" s="14"/>
      <c r="AU82" s="14"/>
      <c r="AV82" s="14"/>
      <c r="AW82" s="14"/>
      <c r="AX82" s="14"/>
    </row>
    <row r="83" spans="1:50" s="15" customFormat="1" ht="42.75" customHeight="1" x14ac:dyDescent="0.65">
      <c r="A83" s="7" t="s">
        <v>574</v>
      </c>
      <c r="B83" s="17" t="s">
        <v>542</v>
      </c>
      <c r="C83" s="17" t="s">
        <v>575</v>
      </c>
      <c r="D83" s="17" t="s">
        <v>576</v>
      </c>
      <c r="E83" s="7" t="s">
        <v>577</v>
      </c>
      <c r="F83" s="18" t="s">
        <v>578</v>
      </c>
      <c r="G83" s="18" t="s">
        <v>579</v>
      </c>
      <c r="H83" s="19" t="s">
        <v>548</v>
      </c>
      <c r="I83" s="18" t="s">
        <v>580</v>
      </c>
      <c r="J83" s="18"/>
      <c r="K83" s="20" t="s">
        <v>0</v>
      </c>
      <c r="L83" s="21" t="s">
        <v>648</v>
      </c>
      <c r="M83" s="20" t="s">
        <v>649</v>
      </c>
      <c r="N83" s="22" t="s">
        <v>659</v>
      </c>
      <c r="O83" s="12" t="s">
        <v>4</v>
      </c>
      <c r="P83" s="12"/>
      <c r="Q83" s="18" t="s">
        <v>4</v>
      </c>
      <c r="R83" s="18" t="s">
        <v>4</v>
      </c>
      <c r="S83" s="18" t="s">
        <v>4</v>
      </c>
      <c r="T83" s="18" t="s">
        <v>4</v>
      </c>
      <c r="U83" s="18" t="s">
        <v>4</v>
      </c>
      <c r="V83" s="18" t="s">
        <v>4</v>
      </c>
      <c r="W83" s="18" t="s">
        <v>4</v>
      </c>
      <c r="X83" s="18" t="s">
        <v>4</v>
      </c>
      <c r="Y83" s="18" t="s">
        <v>4</v>
      </c>
      <c r="Z83" s="18" t="s">
        <v>4</v>
      </c>
      <c r="AA83" s="18" t="s">
        <v>4</v>
      </c>
      <c r="AB83" s="18" t="s">
        <v>4</v>
      </c>
      <c r="AC83" s="18" t="s">
        <v>4</v>
      </c>
      <c r="AD83" s="18" t="s">
        <v>4</v>
      </c>
      <c r="AE83" s="18" t="s">
        <v>4</v>
      </c>
      <c r="AF83" s="18" t="s">
        <v>4</v>
      </c>
      <c r="AG83" s="18" t="s">
        <v>4</v>
      </c>
      <c r="AH83" s="18" t="s">
        <v>4</v>
      </c>
      <c r="AI83" s="18" t="s">
        <v>4</v>
      </c>
      <c r="AJ83" s="18" t="s">
        <v>4</v>
      </c>
      <c r="AK83" s="18" t="s">
        <v>4</v>
      </c>
      <c r="AL83" s="18" t="s">
        <v>4</v>
      </c>
      <c r="AM83" s="18" t="s">
        <v>4</v>
      </c>
      <c r="AN83" s="18" t="s">
        <v>4</v>
      </c>
      <c r="AO83" s="18" t="s">
        <v>582</v>
      </c>
      <c r="AP83" s="18" t="s">
        <v>583</v>
      </c>
      <c r="AQ83" s="18" t="s">
        <v>583</v>
      </c>
      <c r="AR83" s="18" t="s">
        <v>583</v>
      </c>
      <c r="AS83" s="23"/>
      <c r="AT83" s="14"/>
      <c r="AU83" s="14"/>
      <c r="AV83" s="14"/>
      <c r="AW83" s="14"/>
      <c r="AX83" s="14"/>
    </row>
    <row r="84" spans="1:50" s="15" customFormat="1" ht="42.75" customHeight="1" x14ac:dyDescent="0.65">
      <c r="A84" s="7" t="s">
        <v>574</v>
      </c>
      <c r="B84" s="17" t="s">
        <v>542</v>
      </c>
      <c r="C84" s="17" t="s">
        <v>575</v>
      </c>
      <c r="D84" s="17" t="s">
        <v>576</v>
      </c>
      <c r="E84" s="7" t="s">
        <v>577</v>
      </c>
      <c r="F84" s="18" t="s">
        <v>578</v>
      </c>
      <c r="G84" s="18" t="s">
        <v>579</v>
      </c>
      <c r="H84" s="19" t="s">
        <v>548</v>
      </c>
      <c r="I84" s="18" t="s">
        <v>580</v>
      </c>
      <c r="J84" s="18"/>
      <c r="K84" s="20" t="s">
        <v>0</v>
      </c>
      <c r="L84" s="21" t="s">
        <v>648</v>
      </c>
      <c r="M84" s="20" t="s">
        <v>649</v>
      </c>
      <c r="N84" s="22" t="s">
        <v>660</v>
      </c>
      <c r="O84" s="12" t="s">
        <v>4</v>
      </c>
      <c r="P84" s="12"/>
      <c r="Q84" s="18" t="s">
        <v>4</v>
      </c>
      <c r="R84" s="18" t="s">
        <v>4</v>
      </c>
      <c r="S84" s="18" t="s">
        <v>4</v>
      </c>
      <c r="T84" s="18" t="s">
        <v>4</v>
      </c>
      <c r="U84" s="18" t="s">
        <v>4</v>
      </c>
      <c r="V84" s="18" t="s">
        <v>4</v>
      </c>
      <c r="W84" s="18" t="s">
        <v>4</v>
      </c>
      <c r="X84" s="18" t="s">
        <v>4</v>
      </c>
      <c r="Y84" s="18" t="s">
        <v>4</v>
      </c>
      <c r="Z84" s="18" t="s">
        <v>4</v>
      </c>
      <c r="AA84" s="18" t="s">
        <v>4</v>
      </c>
      <c r="AB84" s="18" t="s">
        <v>4</v>
      </c>
      <c r="AC84" s="18" t="s">
        <v>4</v>
      </c>
      <c r="AD84" s="18" t="s">
        <v>4</v>
      </c>
      <c r="AE84" s="18" t="s">
        <v>4</v>
      </c>
      <c r="AF84" s="18" t="s">
        <v>4</v>
      </c>
      <c r="AG84" s="18" t="s">
        <v>4</v>
      </c>
      <c r="AH84" s="18" t="s">
        <v>4</v>
      </c>
      <c r="AI84" s="18" t="s">
        <v>4</v>
      </c>
      <c r="AJ84" s="18" t="s">
        <v>4</v>
      </c>
      <c r="AK84" s="18" t="s">
        <v>4</v>
      </c>
      <c r="AL84" s="18" t="s">
        <v>4</v>
      </c>
      <c r="AM84" s="18" t="s">
        <v>4</v>
      </c>
      <c r="AN84" s="18" t="s">
        <v>4</v>
      </c>
      <c r="AO84" s="18" t="s">
        <v>582</v>
      </c>
      <c r="AP84" s="18" t="s">
        <v>583</v>
      </c>
      <c r="AQ84" s="18" t="s">
        <v>583</v>
      </c>
      <c r="AR84" s="18" t="s">
        <v>583</v>
      </c>
      <c r="AS84" s="23"/>
      <c r="AT84" s="14"/>
      <c r="AU84" s="14"/>
      <c r="AV84" s="14"/>
      <c r="AW84" s="14"/>
      <c r="AX84" s="14"/>
    </row>
    <row r="85" spans="1:50" s="15" customFormat="1" ht="42.75" customHeight="1" x14ac:dyDescent="0.65">
      <c r="A85" s="7" t="s">
        <v>574</v>
      </c>
      <c r="B85" s="17" t="s">
        <v>542</v>
      </c>
      <c r="C85" s="17" t="s">
        <v>575</v>
      </c>
      <c r="D85" s="17" t="s">
        <v>576</v>
      </c>
      <c r="E85" s="7" t="s">
        <v>577</v>
      </c>
      <c r="F85" s="18" t="s">
        <v>578</v>
      </c>
      <c r="G85" s="18" t="s">
        <v>579</v>
      </c>
      <c r="H85" s="19" t="s">
        <v>548</v>
      </c>
      <c r="I85" s="18" t="s">
        <v>580</v>
      </c>
      <c r="J85" s="18"/>
      <c r="K85" s="20" t="s">
        <v>0</v>
      </c>
      <c r="L85" s="21" t="s">
        <v>648</v>
      </c>
      <c r="M85" s="20" t="s">
        <v>649</v>
      </c>
      <c r="N85" s="22" t="s">
        <v>661</v>
      </c>
      <c r="O85" s="12" t="s">
        <v>4</v>
      </c>
      <c r="P85" s="12"/>
      <c r="Q85" s="18" t="s">
        <v>4</v>
      </c>
      <c r="R85" s="18" t="s">
        <v>4</v>
      </c>
      <c r="S85" s="18" t="s">
        <v>4</v>
      </c>
      <c r="T85" s="18" t="s">
        <v>4</v>
      </c>
      <c r="U85" s="18" t="s">
        <v>4</v>
      </c>
      <c r="V85" s="18" t="s">
        <v>4</v>
      </c>
      <c r="W85" s="18" t="s">
        <v>4</v>
      </c>
      <c r="X85" s="18" t="s">
        <v>4</v>
      </c>
      <c r="Y85" s="18" t="s">
        <v>4</v>
      </c>
      <c r="Z85" s="18" t="s">
        <v>4</v>
      </c>
      <c r="AA85" s="18" t="s">
        <v>4</v>
      </c>
      <c r="AB85" s="18" t="s">
        <v>4</v>
      </c>
      <c r="AC85" s="18" t="s">
        <v>4</v>
      </c>
      <c r="AD85" s="18" t="s">
        <v>4</v>
      </c>
      <c r="AE85" s="18" t="s">
        <v>4</v>
      </c>
      <c r="AF85" s="18" t="s">
        <v>4</v>
      </c>
      <c r="AG85" s="18" t="s">
        <v>4</v>
      </c>
      <c r="AH85" s="18" t="s">
        <v>4</v>
      </c>
      <c r="AI85" s="18" t="s">
        <v>4</v>
      </c>
      <c r="AJ85" s="18" t="s">
        <v>4</v>
      </c>
      <c r="AK85" s="18" t="s">
        <v>4</v>
      </c>
      <c r="AL85" s="18" t="s">
        <v>4</v>
      </c>
      <c r="AM85" s="18" t="s">
        <v>4</v>
      </c>
      <c r="AN85" s="18" t="s">
        <v>4</v>
      </c>
      <c r="AO85" s="18" t="s">
        <v>582</v>
      </c>
      <c r="AP85" s="18" t="s">
        <v>583</v>
      </c>
      <c r="AQ85" s="18" t="s">
        <v>583</v>
      </c>
      <c r="AR85" s="18" t="s">
        <v>583</v>
      </c>
      <c r="AS85" s="23"/>
      <c r="AT85" s="14"/>
      <c r="AU85" s="14"/>
      <c r="AV85" s="14"/>
      <c r="AW85" s="14"/>
      <c r="AX85" s="14"/>
    </row>
    <row r="86" spans="1:50" s="15" customFormat="1" ht="42.75" customHeight="1" x14ac:dyDescent="0.65">
      <c r="A86" s="7" t="s">
        <v>574</v>
      </c>
      <c r="B86" s="17" t="s">
        <v>542</v>
      </c>
      <c r="C86" s="17" t="s">
        <v>575</v>
      </c>
      <c r="D86" s="17" t="s">
        <v>576</v>
      </c>
      <c r="E86" s="7" t="s">
        <v>577</v>
      </c>
      <c r="F86" s="18" t="s">
        <v>578</v>
      </c>
      <c r="G86" s="18" t="s">
        <v>579</v>
      </c>
      <c r="H86" s="19" t="s">
        <v>548</v>
      </c>
      <c r="I86" s="18" t="s">
        <v>580</v>
      </c>
      <c r="J86" s="18"/>
      <c r="K86" s="20" t="s">
        <v>0</v>
      </c>
      <c r="L86" s="21" t="s">
        <v>648</v>
      </c>
      <c r="M86" s="20" t="s">
        <v>649</v>
      </c>
      <c r="N86" s="22" t="s">
        <v>662</v>
      </c>
      <c r="O86" s="12" t="s">
        <v>4</v>
      </c>
      <c r="P86" s="12"/>
      <c r="Q86" s="18" t="s">
        <v>4</v>
      </c>
      <c r="R86" s="18" t="s">
        <v>4</v>
      </c>
      <c r="S86" s="18" t="s">
        <v>4</v>
      </c>
      <c r="T86" s="18" t="s">
        <v>4</v>
      </c>
      <c r="U86" s="18" t="s">
        <v>4</v>
      </c>
      <c r="V86" s="18" t="s">
        <v>4</v>
      </c>
      <c r="W86" s="18" t="s">
        <v>4</v>
      </c>
      <c r="X86" s="18" t="s">
        <v>4</v>
      </c>
      <c r="Y86" s="18" t="s">
        <v>4</v>
      </c>
      <c r="Z86" s="18" t="s">
        <v>4</v>
      </c>
      <c r="AA86" s="18" t="s">
        <v>4</v>
      </c>
      <c r="AB86" s="18" t="s">
        <v>4</v>
      </c>
      <c r="AC86" s="18" t="s">
        <v>4</v>
      </c>
      <c r="AD86" s="18" t="s">
        <v>4</v>
      </c>
      <c r="AE86" s="18" t="s">
        <v>4</v>
      </c>
      <c r="AF86" s="18" t="s">
        <v>4</v>
      </c>
      <c r="AG86" s="18" t="s">
        <v>4</v>
      </c>
      <c r="AH86" s="18" t="s">
        <v>4</v>
      </c>
      <c r="AI86" s="18" t="s">
        <v>4</v>
      </c>
      <c r="AJ86" s="18" t="s">
        <v>4</v>
      </c>
      <c r="AK86" s="18" t="s">
        <v>4</v>
      </c>
      <c r="AL86" s="18" t="s">
        <v>4</v>
      </c>
      <c r="AM86" s="18" t="s">
        <v>4</v>
      </c>
      <c r="AN86" s="18" t="s">
        <v>4</v>
      </c>
      <c r="AO86" s="18" t="s">
        <v>582</v>
      </c>
      <c r="AP86" s="18" t="s">
        <v>583</v>
      </c>
      <c r="AQ86" s="18" t="s">
        <v>583</v>
      </c>
      <c r="AR86" s="18" t="s">
        <v>583</v>
      </c>
      <c r="AS86" s="23"/>
      <c r="AT86" s="14"/>
      <c r="AU86" s="14"/>
      <c r="AV86" s="14"/>
      <c r="AW86" s="14"/>
      <c r="AX86" s="14"/>
    </row>
    <row r="87" spans="1:50" s="15" customFormat="1" ht="42.75" customHeight="1" x14ac:dyDescent="0.65">
      <c r="A87" s="7" t="s">
        <v>574</v>
      </c>
      <c r="B87" s="17" t="s">
        <v>542</v>
      </c>
      <c r="C87" s="17" t="s">
        <v>575</v>
      </c>
      <c r="D87" s="17" t="s">
        <v>576</v>
      </c>
      <c r="E87" s="7" t="s">
        <v>577</v>
      </c>
      <c r="F87" s="18" t="s">
        <v>578</v>
      </c>
      <c r="G87" s="18" t="s">
        <v>579</v>
      </c>
      <c r="H87" s="19" t="s">
        <v>548</v>
      </c>
      <c r="I87" s="18" t="s">
        <v>580</v>
      </c>
      <c r="J87" s="18" t="s">
        <v>550</v>
      </c>
      <c r="K87" s="20" t="s">
        <v>0</v>
      </c>
      <c r="L87" s="21" t="s">
        <v>1</v>
      </c>
      <c r="M87" s="20" t="s">
        <v>551</v>
      </c>
      <c r="N87" s="22" t="s">
        <v>663</v>
      </c>
      <c r="O87" s="12" t="s">
        <v>4</v>
      </c>
      <c r="P87" s="12"/>
      <c r="Q87" s="18" t="s">
        <v>4</v>
      </c>
      <c r="R87" s="18" t="s">
        <v>4</v>
      </c>
      <c r="S87" s="18" t="s">
        <v>4</v>
      </c>
      <c r="T87" s="18" t="s">
        <v>4</v>
      </c>
      <c r="U87" s="18" t="s">
        <v>4</v>
      </c>
      <c r="V87" s="18" t="s">
        <v>4</v>
      </c>
      <c r="W87" s="18" t="s">
        <v>4</v>
      </c>
      <c r="X87" s="18" t="s">
        <v>4</v>
      </c>
      <c r="Y87" s="18" t="s">
        <v>4</v>
      </c>
      <c r="Z87" s="18" t="s">
        <v>4</v>
      </c>
      <c r="AA87" s="18" t="s">
        <v>4</v>
      </c>
      <c r="AB87" s="18" t="s">
        <v>4</v>
      </c>
      <c r="AC87" s="18" t="s">
        <v>4</v>
      </c>
      <c r="AD87" s="18" t="s">
        <v>4</v>
      </c>
      <c r="AE87" s="18" t="s">
        <v>4</v>
      </c>
      <c r="AF87" s="18" t="s">
        <v>4</v>
      </c>
      <c r="AG87" s="18" t="s">
        <v>4</v>
      </c>
      <c r="AH87" s="18" t="s">
        <v>4</v>
      </c>
      <c r="AI87" s="18" t="s">
        <v>4</v>
      </c>
      <c r="AJ87" s="18" t="s">
        <v>4</v>
      </c>
      <c r="AK87" s="18" t="s">
        <v>4</v>
      </c>
      <c r="AL87" s="18" t="s">
        <v>4</v>
      </c>
      <c r="AM87" s="18" t="s">
        <v>4</v>
      </c>
      <c r="AN87" s="18" t="s">
        <v>4</v>
      </c>
      <c r="AO87" s="18" t="s">
        <v>582</v>
      </c>
      <c r="AP87" s="18" t="s">
        <v>583</v>
      </c>
      <c r="AQ87" s="18" t="s">
        <v>583</v>
      </c>
      <c r="AR87" s="18" t="s">
        <v>583</v>
      </c>
      <c r="AS87" s="23"/>
      <c r="AT87" s="14"/>
      <c r="AU87" s="14"/>
      <c r="AV87" s="14"/>
      <c r="AW87" s="14"/>
      <c r="AX87" s="14"/>
    </row>
    <row r="88" spans="1:50" s="15" customFormat="1" ht="42.75" customHeight="1" x14ac:dyDescent="0.65">
      <c r="A88" s="7" t="s">
        <v>574</v>
      </c>
      <c r="B88" s="17" t="s">
        <v>542</v>
      </c>
      <c r="C88" s="17" t="s">
        <v>575</v>
      </c>
      <c r="D88" s="17" t="s">
        <v>576</v>
      </c>
      <c r="E88" s="7" t="s">
        <v>577</v>
      </c>
      <c r="F88" s="18" t="s">
        <v>578</v>
      </c>
      <c r="G88" s="18" t="s">
        <v>579</v>
      </c>
      <c r="H88" s="19" t="s">
        <v>548</v>
      </c>
      <c r="I88" s="18" t="s">
        <v>580</v>
      </c>
      <c r="J88" s="18"/>
      <c r="K88" s="20" t="s">
        <v>0</v>
      </c>
      <c r="L88" s="21" t="s">
        <v>648</v>
      </c>
      <c r="M88" s="20" t="s">
        <v>649</v>
      </c>
      <c r="N88" s="22" t="s">
        <v>664</v>
      </c>
      <c r="O88" s="12" t="s">
        <v>4</v>
      </c>
      <c r="P88" s="12"/>
      <c r="Q88" s="18" t="s">
        <v>4</v>
      </c>
      <c r="R88" s="18" t="s">
        <v>4</v>
      </c>
      <c r="S88" s="18" t="s">
        <v>4</v>
      </c>
      <c r="T88" s="18" t="s">
        <v>4</v>
      </c>
      <c r="U88" s="18" t="s">
        <v>4</v>
      </c>
      <c r="V88" s="18" t="s">
        <v>4</v>
      </c>
      <c r="W88" s="18" t="s">
        <v>4</v>
      </c>
      <c r="X88" s="18" t="s">
        <v>4</v>
      </c>
      <c r="Y88" s="18" t="s">
        <v>4</v>
      </c>
      <c r="Z88" s="18" t="s">
        <v>4</v>
      </c>
      <c r="AA88" s="18" t="s">
        <v>4</v>
      </c>
      <c r="AB88" s="18" t="s">
        <v>4</v>
      </c>
      <c r="AC88" s="18" t="s">
        <v>4</v>
      </c>
      <c r="AD88" s="18" t="s">
        <v>4</v>
      </c>
      <c r="AE88" s="18" t="s">
        <v>4</v>
      </c>
      <c r="AF88" s="18" t="s">
        <v>4</v>
      </c>
      <c r="AG88" s="18" t="s">
        <v>4</v>
      </c>
      <c r="AH88" s="18" t="s">
        <v>4</v>
      </c>
      <c r="AI88" s="18" t="s">
        <v>4</v>
      </c>
      <c r="AJ88" s="18" t="s">
        <v>4</v>
      </c>
      <c r="AK88" s="18" t="s">
        <v>4</v>
      </c>
      <c r="AL88" s="18" t="s">
        <v>4</v>
      </c>
      <c r="AM88" s="18" t="s">
        <v>4</v>
      </c>
      <c r="AN88" s="18" t="s">
        <v>4</v>
      </c>
      <c r="AO88" s="18" t="s">
        <v>582</v>
      </c>
      <c r="AP88" s="18" t="s">
        <v>583</v>
      </c>
      <c r="AQ88" s="18" t="s">
        <v>583</v>
      </c>
      <c r="AR88" s="18" t="s">
        <v>583</v>
      </c>
      <c r="AS88" s="23"/>
      <c r="AT88" s="14"/>
      <c r="AU88" s="14"/>
      <c r="AV88" s="14"/>
      <c r="AW88" s="14"/>
      <c r="AX88" s="14"/>
    </row>
    <row r="89" spans="1:50" s="15" customFormat="1" ht="42.75" customHeight="1" x14ac:dyDescent="0.65">
      <c r="A89" s="7" t="s">
        <v>574</v>
      </c>
      <c r="B89" s="17" t="s">
        <v>542</v>
      </c>
      <c r="C89" s="17" t="s">
        <v>575</v>
      </c>
      <c r="D89" s="17" t="s">
        <v>576</v>
      </c>
      <c r="E89" s="7" t="s">
        <v>577</v>
      </c>
      <c r="F89" s="18" t="s">
        <v>578</v>
      </c>
      <c r="G89" s="18" t="s">
        <v>579</v>
      </c>
      <c r="H89" s="19" t="s">
        <v>548</v>
      </c>
      <c r="I89" s="18" t="s">
        <v>580</v>
      </c>
      <c r="J89" s="18"/>
      <c r="K89" s="20" t="s">
        <v>0</v>
      </c>
      <c r="L89" s="21" t="s">
        <v>648</v>
      </c>
      <c r="M89" s="20" t="s">
        <v>649</v>
      </c>
      <c r="N89" s="22" t="s">
        <v>665</v>
      </c>
      <c r="O89" s="12" t="s">
        <v>4</v>
      </c>
      <c r="P89" s="12"/>
      <c r="Q89" s="18" t="s">
        <v>4</v>
      </c>
      <c r="R89" s="18" t="s">
        <v>4</v>
      </c>
      <c r="S89" s="18" t="s">
        <v>4</v>
      </c>
      <c r="T89" s="18" t="s">
        <v>4</v>
      </c>
      <c r="U89" s="18" t="s">
        <v>4</v>
      </c>
      <c r="V89" s="18" t="s">
        <v>4</v>
      </c>
      <c r="W89" s="18" t="s">
        <v>4</v>
      </c>
      <c r="X89" s="18" t="s">
        <v>4</v>
      </c>
      <c r="Y89" s="18" t="s">
        <v>4</v>
      </c>
      <c r="Z89" s="18" t="s">
        <v>4</v>
      </c>
      <c r="AA89" s="18" t="s">
        <v>4</v>
      </c>
      <c r="AB89" s="18" t="s">
        <v>4</v>
      </c>
      <c r="AC89" s="18" t="s">
        <v>4</v>
      </c>
      <c r="AD89" s="18" t="s">
        <v>4</v>
      </c>
      <c r="AE89" s="18" t="s">
        <v>4</v>
      </c>
      <c r="AF89" s="18" t="s">
        <v>4</v>
      </c>
      <c r="AG89" s="18" t="s">
        <v>4</v>
      </c>
      <c r="AH89" s="18" t="s">
        <v>4</v>
      </c>
      <c r="AI89" s="18" t="s">
        <v>4</v>
      </c>
      <c r="AJ89" s="18" t="s">
        <v>4</v>
      </c>
      <c r="AK89" s="18" t="s">
        <v>4</v>
      </c>
      <c r="AL89" s="18" t="s">
        <v>4</v>
      </c>
      <c r="AM89" s="18" t="s">
        <v>4</v>
      </c>
      <c r="AN89" s="18" t="s">
        <v>4</v>
      </c>
      <c r="AO89" s="18" t="s">
        <v>582</v>
      </c>
      <c r="AP89" s="18" t="s">
        <v>583</v>
      </c>
      <c r="AQ89" s="18" t="s">
        <v>583</v>
      </c>
      <c r="AR89" s="18" t="s">
        <v>583</v>
      </c>
      <c r="AS89" s="23"/>
      <c r="AT89" s="14"/>
      <c r="AU89" s="14"/>
      <c r="AV89" s="14"/>
      <c r="AW89" s="14"/>
      <c r="AX89" s="14"/>
    </row>
    <row r="90" spans="1:50" s="15" customFormat="1" ht="42.75" customHeight="1" x14ac:dyDescent="0.65">
      <c r="A90" s="7" t="s">
        <v>574</v>
      </c>
      <c r="B90" s="17" t="s">
        <v>542</v>
      </c>
      <c r="C90" s="17" t="s">
        <v>575</v>
      </c>
      <c r="D90" s="17" t="s">
        <v>576</v>
      </c>
      <c r="E90" s="7" t="s">
        <v>577</v>
      </c>
      <c r="F90" s="18" t="s">
        <v>578</v>
      </c>
      <c r="G90" s="18" t="s">
        <v>579</v>
      </c>
      <c r="H90" s="19" t="s">
        <v>548</v>
      </c>
      <c r="I90" s="18" t="s">
        <v>580</v>
      </c>
      <c r="J90" s="18"/>
      <c r="K90" s="20" t="s">
        <v>0</v>
      </c>
      <c r="L90" s="21" t="s">
        <v>648</v>
      </c>
      <c r="M90" s="20" t="s">
        <v>649</v>
      </c>
      <c r="N90" s="22" t="s">
        <v>666</v>
      </c>
      <c r="O90" s="12" t="s">
        <v>4</v>
      </c>
      <c r="P90" s="12"/>
      <c r="Q90" s="18" t="s">
        <v>4</v>
      </c>
      <c r="R90" s="18" t="s">
        <v>4</v>
      </c>
      <c r="S90" s="18" t="s">
        <v>4</v>
      </c>
      <c r="T90" s="18" t="s">
        <v>4</v>
      </c>
      <c r="U90" s="18" t="s">
        <v>4</v>
      </c>
      <c r="V90" s="18" t="s">
        <v>4</v>
      </c>
      <c r="W90" s="18" t="s">
        <v>4</v>
      </c>
      <c r="X90" s="18" t="s">
        <v>4</v>
      </c>
      <c r="Y90" s="18" t="s">
        <v>4</v>
      </c>
      <c r="Z90" s="18" t="s">
        <v>4</v>
      </c>
      <c r="AA90" s="18" t="s">
        <v>4</v>
      </c>
      <c r="AB90" s="18" t="s">
        <v>4</v>
      </c>
      <c r="AC90" s="18" t="s">
        <v>4</v>
      </c>
      <c r="AD90" s="18" t="s">
        <v>4</v>
      </c>
      <c r="AE90" s="18" t="s">
        <v>4</v>
      </c>
      <c r="AF90" s="18" t="s">
        <v>4</v>
      </c>
      <c r="AG90" s="18" t="s">
        <v>4</v>
      </c>
      <c r="AH90" s="18" t="s">
        <v>4</v>
      </c>
      <c r="AI90" s="18" t="s">
        <v>4</v>
      </c>
      <c r="AJ90" s="18" t="s">
        <v>4</v>
      </c>
      <c r="AK90" s="18" t="s">
        <v>4</v>
      </c>
      <c r="AL90" s="18" t="s">
        <v>4</v>
      </c>
      <c r="AM90" s="18" t="s">
        <v>4</v>
      </c>
      <c r="AN90" s="18" t="s">
        <v>4</v>
      </c>
      <c r="AO90" s="18" t="s">
        <v>582</v>
      </c>
      <c r="AP90" s="18" t="s">
        <v>583</v>
      </c>
      <c r="AQ90" s="18" t="s">
        <v>583</v>
      </c>
      <c r="AR90" s="18" t="s">
        <v>583</v>
      </c>
      <c r="AS90" s="23"/>
      <c r="AT90" s="14"/>
      <c r="AU90" s="14"/>
      <c r="AV90" s="14"/>
      <c r="AW90" s="14"/>
      <c r="AX90" s="14"/>
    </row>
    <row r="91" spans="1:50" s="15" customFormat="1" ht="42.75" customHeight="1" x14ac:dyDescent="0.65">
      <c r="A91" s="7" t="s">
        <v>574</v>
      </c>
      <c r="B91" s="17" t="s">
        <v>542</v>
      </c>
      <c r="C91" s="17" t="s">
        <v>575</v>
      </c>
      <c r="D91" s="17" t="s">
        <v>576</v>
      </c>
      <c r="E91" s="7" t="s">
        <v>577</v>
      </c>
      <c r="F91" s="18" t="s">
        <v>578</v>
      </c>
      <c r="G91" s="18" t="s">
        <v>579</v>
      </c>
      <c r="H91" s="19" t="s">
        <v>548</v>
      </c>
      <c r="I91" s="18" t="s">
        <v>580</v>
      </c>
      <c r="J91" s="18"/>
      <c r="K91" s="20" t="s">
        <v>0</v>
      </c>
      <c r="L91" s="21" t="s">
        <v>648</v>
      </c>
      <c r="M91" s="20" t="s">
        <v>649</v>
      </c>
      <c r="N91" s="22" t="s">
        <v>667</v>
      </c>
      <c r="O91" s="12" t="s">
        <v>4</v>
      </c>
      <c r="P91" s="12"/>
      <c r="Q91" s="18" t="s">
        <v>4</v>
      </c>
      <c r="R91" s="18" t="s">
        <v>4</v>
      </c>
      <c r="S91" s="18" t="s">
        <v>4</v>
      </c>
      <c r="T91" s="18" t="s">
        <v>4</v>
      </c>
      <c r="U91" s="18" t="s">
        <v>4</v>
      </c>
      <c r="V91" s="18" t="s">
        <v>4</v>
      </c>
      <c r="W91" s="18" t="s">
        <v>4</v>
      </c>
      <c r="X91" s="18" t="s">
        <v>4</v>
      </c>
      <c r="Y91" s="18" t="s">
        <v>4</v>
      </c>
      <c r="Z91" s="18" t="s">
        <v>4</v>
      </c>
      <c r="AA91" s="18" t="s">
        <v>4</v>
      </c>
      <c r="AB91" s="18" t="s">
        <v>4</v>
      </c>
      <c r="AC91" s="18" t="s">
        <v>4</v>
      </c>
      <c r="AD91" s="18" t="s">
        <v>4</v>
      </c>
      <c r="AE91" s="18" t="s">
        <v>4</v>
      </c>
      <c r="AF91" s="18" t="s">
        <v>4</v>
      </c>
      <c r="AG91" s="18" t="s">
        <v>4</v>
      </c>
      <c r="AH91" s="18" t="s">
        <v>4</v>
      </c>
      <c r="AI91" s="18" t="s">
        <v>4</v>
      </c>
      <c r="AJ91" s="18" t="s">
        <v>4</v>
      </c>
      <c r="AK91" s="18" t="s">
        <v>4</v>
      </c>
      <c r="AL91" s="18" t="s">
        <v>4</v>
      </c>
      <c r="AM91" s="18" t="s">
        <v>4</v>
      </c>
      <c r="AN91" s="18" t="s">
        <v>4</v>
      </c>
      <c r="AO91" s="18" t="s">
        <v>582</v>
      </c>
      <c r="AP91" s="18" t="s">
        <v>583</v>
      </c>
      <c r="AQ91" s="18" t="s">
        <v>583</v>
      </c>
      <c r="AR91" s="18" t="s">
        <v>583</v>
      </c>
      <c r="AS91" s="23"/>
      <c r="AT91" s="14"/>
      <c r="AU91" s="14"/>
      <c r="AV91" s="14"/>
      <c r="AW91" s="14"/>
      <c r="AX91" s="14"/>
    </row>
    <row r="92" spans="1:50" s="15" customFormat="1" ht="42.75" customHeight="1" x14ac:dyDescent="0.65">
      <c r="A92" s="7" t="s">
        <v>574</v>
      </c>
      <c r="B92" s="17" t="s">
        <v>542</v>
      </c>
      <c r="C92" s="17" t="s">
        <v>575</v>
      </c>
      <c r="D92" s="17" t="s">
        <v>576</v>
      </c>
      <c r="E92" s="7" t="s">
        <v>577</v>
      </c>
      <c r="F92" s="18" t="s">
        <v>578</v>
      </c>
      <c r="G92" s="18" t="s">
        <v>579</v>
      </c>
      <c r="H92" s="19" t="s">
        <v>548</v>
      </c>
      <c r="I92" s="18" t="s">
        <v>580</v>
      </c>
      <c r="J92" s="18"/>
      <c r="K92" s="20" t="s">
        <v>0</v>
      </c>
      <c r="L92" s="21" t="s">
        <v>648</v>
      </c>
      <c r="M92" s="20" t="s">
        <v>649</v>
      </c>
      <c r="N92" s="22" t="s">
        <v>668</v>
      </c>
      <c r="O92" s="12" t="s">
        <v>4</v>
      </c>
      <c r="P92" s="12"/>
      <c r="Q92" s="18" t="s">
        <v>4</v>
      </c>
      <c r="R92" s="18" t="s">
        <v>4</v>
      </c>
      <c r="S92" s="18" t="s">
        <v>4</v>
      </c>
      <c r="T92" s="18" t="s">
        <v>4</v>
      </c>
      <c r="U92" s="18" t="s">
        <v>4</v>
      </c>
      <c r="V92" s="18" t="s">
        <v>4</v>
      </c>
      <c r="W92" s="18" t="s">
        <v>4</v>
      </c>
      <c r="X92" s="18" t="s">
        <v>4</v>
      </c>
      <c r="Y92" s="18" t="s">
        <v>4</v>
      </c>
      <c r="Z92" s="18" t="s">
        <v>4</v>
      </c>
      <c r="AA92" s="18" t="s">
        <v>4</v>
      </c>
      <c r="AB92" s="18" t="s">
        <v>4</v>
      </c>
      <c r="AC92" s="18" t="s">
        <v>4</v>
      </c>
      <c r="AD92" s="18" t="s">
        <v>4</v>
      </c>
      <c r="AE92" s="18" t="s">
        <v>4</v>
      </c>
      <c r="AF92" s="18" t="s">
        <v>4</v>
      </c>
      <c r="AG92" s="18" t="s">
        <v>4</v>
      </c>
      <c r="AH92" s="18" t="s">
        <v>4</v>
      </c>
      <c r="AI92" s="18" t="s">
        <v>4</v>
      </c>
      <c r="AJ92" s="18" t="s">
        <v>4</v>
      </c>
      <c r="AK92" s="18" t="s">
        <v>4</v>
      </c>
      <c r="AL92" s="18" t="s">
        <v>4</v>
      </c>
      <c r="AM92" s="18" t="s">
        <v>4</v>
      </c>
      <c r="AN92" s="18" t="s">
        <v>4</v>
      </c>
      <c r="AO92" s="18" t="s">
        <v>582</v>
      </c>
      <c r="AP92" s="18" t="s">
        <v>583</v>
      </c>
      <c r="AQ92" s="18" t="s">
        <v>583</v>
      </c>
      <c r="AR92" s="18" t="s">
        <v>583</v>
      </c>
      <c r="AS92" s="23"/>
      <c r="AT92" s="14"/>
      <c r="AU92" s="14"/>
      <c r="AV92" s="14"/>
      <c r="AW92" s="14"/>
      <c r="AX92" s="14"/>
    </row>
    <row r="93" spans="1:50" s="15" customFormat="1" ht="42.75" customHeight="1" x14ac:dyDescent="0.65">
      <c r="A93" s="7" t="s">
        <v>574</v>
      </c>
      <c r="B93" s="17" t="s">
        <v>542</v>
      </c>
      <c r="C93" s="17" t="s">
        <v>575</v>
      </c>
      <c r="D93" s="17" t="s">
        <v>576</v>
      </c>
      <c r="E93" s="7" t="s">
        <v>577</v>
      </c>
      <c r="F93" s="18" t="s">
        <v>578</v>
      </c>
      <c r="G93" s="18" t="s">
        <v>579</v>
      </c>
      <c r="H93" s="19" t="s">
        <v>548</v>
      </c>
      <c r="I93" s="18" t="s">
        <v>580</v>
      </c>
      <c r="J93" s="18"/>
      <c r="K93" s="20" t="s">
        <v>0</v>
      </c>
      <c r="L93" s="21" t="s">
        <v>648</v>
      </c>
      <c r="M93" s="20" t="s">
        <v>649</v>
      </c>
      <c r="N93" s="22" t="s">
        <v>669</v>
      </c>
      <c r="O93" s="12" t="s">
        <v>4</v>
      </c>
      <c r="P93" s="12"/>
      <c r="Q93" s="18" t="s">
        <v>4</v>
      </c>
      <c r="R93" s="18" t="s">
        <v>4</v>
      </c>
      <c r="S93" s="18" t="s">
        <v>4</v>
      </c>
      <c r="T93" s="18" t="s">
        <v>4</v>
      </c>
      <c r="U93" s="18" t="s">
        <v>4</v>
      </c>
      <c r="V93" s="18" t="s">
        <v>4</v>
      </c>
      <c r="W93" s="18" t="s">
        <v>4</v>
      </c>
      <c r="X93" s="18" t="s">
        <v>4</v>
      </c>
      <c r="Y93" s="18" t="s">
        <v>4</v>
      </c>
      <c r="Z93" s="18" t="s">
        <v>4</v>
      </c>
      <c r="AA93" s="18" t="s">
        <v>4</v>
      </c>
      <c r="AB93" s="18" t="s">
        <v>4</v>
      </c>
      <c r="AC93" s="18" t="s">
        <v>4</v>
      </c>
      <c r="AD93" s="18" t="s">
        <v>4</v>
      </c>
      <c r="AE93" s="18" t="s">
        <v>4</v>
      </c>
      <c r="AF93" s="18" t="s">
        <v>4</v>
      </c>
      <c r="AG93" s="18" t="s">
        <v>4</v>
      </c>
      <c r="AH93" s="18" t="s">
        <v>4</v>
      </c>
      <c r="AI93" s="18" t="s">
        <v>4</v>
      </c>
      <c r="AJ93" s="18" t="s">
        <v>4</v>
      </c>
      <c r="AK93" s="18" t="s">
        <v>4</v>
      </c>
      <c r="AL93" s="18" t="s">
        <v>4</v>
      </c>
      <c r="AM93" s="18" t="s">
        <v>4</v>
      </c>
      <c r="AN93" s="18" t="s">
        <v>4</v>
      </c>
      <c r="AO93" s="18" t="s">
        <v>582</v>
      </c>
      <c r="AP93" s="18" t="s">
        <v>583</v>
      </c>
      <c r="AQ93" s="18" t="s">
        <v>583</v>
      </c>
      <c r="AR93" s="18" t="s">
        <v>583</v>
      </c>
      <c r="AS93" s="23"/>
      <c r="AT93" s="14"/>
      <c r="AU93" s="14"/>
      <c r="AV93" s="14"/>
      <c r="AW93" s="14"/>
      <c r="AX93" s="14"/>
    </row>
    <row r="94" spans="1:50" s="15" customFormat="1" ht="42.75" customHeight="1" x14ac:dyDescent="0.65">
      <c r="A94" s="7" t="s">
        <v>574</v>
      </c>
      <c r="B94" s="17" t="s">
        <v>542</v>
      </c>
      <c r="C94" s="17" t="s">
        <v>575</v>
      </c>
      <c r="D94" s="17" t="s">
        <v>576</v>
      </c>
      <c r="E94" s="7" t="s">
        <v>577</v>
      </c>
      <c r="F94" s="18" t="s">
        <v>578</v>
      </c>
      <c r="G94" s="18" t="s">
        <v>579</v>
      </c>
      <c r="H94" s="19" t="s">
        <v>548</v>
      </c>
      <c r="I94" s="18" t="s">
        <v>580</v>
      </c>
      <c r="J94" s="18"/>
      <c r="K94" s="20" t="s">
        <v>0</v>
      </c>
      <c r="L94" s="21" t="s">
        <v>648</v>
      </c>
      <c r="M94" s="20" t="s">
        <v>649</v>
      </c>
      <c r="N94" s="22" t="s">
        <v>670</v>
      </c>
      <c r="O94" s="12" t="s">
        <v>4</v>
      </c>
      <c r="P94" s="12"/>
      <c r="Q94" s="18" t="s">
        <v>4</v>
      </c>
      <c r="R94" s="18" t="s">
        <v>4</v>
      </c>
      <c r="S94" s="18" t="s">
        <v>4</v>
      </c>
      <c r="T94" s="18" t="s">
        <v>4</v>
      </c>
      <c r="U94" s="18" t="s">
        <v>4</v>
      </c>
      <c r="V94" s="18" t="s">
        <v>4</v>
      </c>
      <c r="W94" s="18" t="s">
        <v>4</v>
      </c>
      <c r="X94" s="18" t="s">
        <v>4</v>
      </c>
      <c r="Y94" s="18" t="s">
        <v>4</v>
      </c>
      <c r="Z94" s="18" t="s">
        <v>4</v>
      </c>
      <c r="AA94" s="18" t="s">
        <v>4</v>
      </c>
      <c r="AB94" s="18" t="s">
        <v>4</v>
      </c>
      <c r="AC94" s="18" t="s">
        <v>4</v>
      </c>
      <c r="AD94" s="18" t="s">
        <v>4</v>
      </c>
      <c r="AE94" s="18" t="s">
        <v>4</v>
      </c>
      <c r="AF94" s="18" t="s">
        <v>4</v>
      </c>
      <c r="AG94" s="18" t="s">
        <v>4</v>
      </c>
      <c r="AH94" s="18" t="s">
        <v>4</v>
      </c>
      <c r="AI94" s="18" t="s">
        <v>4</v>
      </c>
      <c r="AJ94" s="18" t="s">
        <v>4</v>
      </c>
      <c r="AK94" s="18" t="s">
        <v>4</v>
      </c>
      <c r="AL94" s="18" t="s">
        <v>4</v>
      </c>
      <c r="AM94" s="18" t="s">
        <v>4</v>
      </c>
      <c r="AN94" s="18" t="s">
        <v>4</v>
      </c>
      <c r="AO94" s="18" t="s">
        <v>582</v>
      </c>
      <c r="AP94" s="18" t="s">
        <v>583</v>
      </c>
      <c r="AQ94" s="18" t="s">
        <v>583</v>
      </c>
      <c r="AR94" s="18" t="s">
        <v>583</v>
      </c>
      <c r="AS94" s="23"/>
      <c r="AT94" s="14"/>
      <c r="AU94" s="14"/>
      <c r="AV94" s="14"/>
      <c r="AW94" s="14"/>
      <c r="AX94" s="14"/>
    </row>
    <row r="95" spans="1:50" s="15" customFormat="1" ht="42.75" customHeight="1" x14ac:dyDescent="0.65">
      <c r="A95" s="7" t="s">
        <v>574</v>
      </c>
      <c r="B95" s="17" t="s">
        <v>542</v>
      </c>
      <c r="C95" s="17" t="s">
        <v>575</v>
      </c>
      <c r="D95" s="17" t="s">
        <v>576</v>
      </c>
      <c r="E95" s="7" t="s">
        <v>577</v>
      </c>
      <c r="F95" s="18" t="s">
        <v>578</v>
      </c>
      <c r="G95" s="18" t="s">
        <v>579</v>
      </c>
      <c r="H95" s="19" t="s">
        <v>548</v>
      </c>
      <c r="I95" s="18" t="s">
        <v>580</v>
      </c>
      <c r="J95" s="18"/>
      <c r="K95" s="20" t="s">
        <v>0</v>
      </c>
      <c r="L95" s="21" t="s">
        <v>648</v>
      </c>
      <c r="M95" s="20" t="s">
        <v>649</v>
      </c>
      <c r="N95" s="22" t="s">
        <v>671</v>
      </c>
      <c r="O95" s="12" t="s">
        <v>4</v>
      </c>
      <c r="P95" s="12"/>
      <c r="Q95" s="18" t="s">
        <v>4</v>
      </c>
      <c r="R95" s="18" t="s">
        <v>4</v>
      </c>
      <c r="S95" s="18" t="s">
        <v>4</v>
      </c>
      <c r="T95" s="18" t="s">
        <v>4</v>
      </c>
      <c r="U95" s="18" t="s">
        <v>4</v>
      </c>
      <c r="V95" s="18" t="s">
        <v>4</v>
      </c>
      <c r="W95" s="18" t="s">
        <v>4</v>
      </c>
      <c r="X95" s="18" t="s">
        <v>4</v>
      </c>
      <c r="Y95" s="18" t="s">
        <v>4</v>
      </c>
      <c r="Z95" s="18" t="s">
        <v>4</v>
      </c>
      <c r="AA95" s="18" t="s">
        <v>4</v>
      </c>
      <c r="AB95" s="18" t="s">
        <v>4</v>
      </c>
      <c r="AC95" s="18" t="s">
        <v>4</v>
      </c>
      <c r="AD95" s="18" t="s">
        <v>4</v>
      </c>
      <c r="AE95" s="18" t="s">
        <v>4</v>
      </c>
      <c r="AF95" s="18" t="s">
        <v>4</v>
      </c>
      <c r="AG95" s="18" t="s">
        <v>4</v>
      </c>
      <c r="AH95" s="18" t="s">
        <v>4</v>
      </c>
      <c r="AI95" s="18" t="s">
        <v>4</v>
      </c>
      <c r="AJ95" s="18" t="s">
        <v>4</v>
      </c>
      <c r="AK95" s="18" t="s">
        <v>4</v>
      </c>
      <c r="AL95" s="18" t="s">
        <v>4</v>
      </c>
      <c r="AM95" s="18" t="s">
        <v>4</v>
      </c>
      <c r="AN95" s="18" t="s">
        <v>4</v>
      </c>
      <c r="AO95" s="18" t="s">
        <v>582</v>
      </c>
      <c r="AP95" s="18" t="s">
        <v>583</v>
      </c>
      <c r="AQ95" s="18" t="s">
        <v>583</v>
      </c>
      <c r="AR95" s="18" t="s">
        <v>583</v>
      </c>
      <c r="AS95" s="23"/>
      <c r="AT95" s="14"/>
      <c r="AU95" s="14"/>
      <c r="AV95" s="14"/>
      <c r="AW95" s="14"/>
      <c r="AX95" s="14"/>
    </row>
    <row r="96" spans="1:50" s="15" customFormat="1" ht="42.75" customHeight="1" x14ac:dyDescent="0.65">
      <c r="A96" s="7" t="s">
        <v>574</v>
      </c>
      <c r="B96" s="17" t="s">
        <v>542</v>
      </c>
      <c r="C96" s="17" t="s">
        <v>575</v>
      </c>
      <c r="D96" s="17" t="s">
        <v>576</v>
      </c>
      <c r="E96" s="7" t="s">
        <v>577</v>
      </c>
      <c r="F96" s="18" t="s">
        <v>578</v>
      </c>
      <c r="G96" s="18" t="s">
        <v>579</v>
      </c>
      <c r="H96" s="19" t="s">
        <v>548</v>
      </c>
      <c r="I96" s="18" t="s">
        <v>580</v>
      </c>
      <c r="J96" s="18"/>
      <c r="K96" s="20" t="s">
        <v>0</v>
      </c>
      <c r="L96" s="21" t="s">
        <v>648</v>
      </c>
      <c r="M96" s="20" t="s">
        <v>649</v>
      </c>
      <c r="N96" s="22" t="s">
        <v>672</v>
      </c>
      <c r="O96" s="12" t="s">
        <v>4</v>
      </c>
      <c r="P96" s="12"/>
      <c r="Q96" s="18" t="s">
        <v>4</v>
      </c>
      <c r="R96" s="18" t="s">
        <v>4</v>
      </c>
      <c r="S96" s="18" t="s">
        <v>4</v>
      </c>
      <c r="T96" s="18" t="s">
        <v>4</v>
      </c>
      <c r="U96" s="18" t="s">
        <v>4</v>
      </c>
      <c r="V96" s="18" t="s">
        <v>4</v>
      </c>
      <c r="W96" s="18" t="s">
        <v>4</v>
      </c>
      <c r="X96" s="18" t="s">
        <v>4</v>
      </c>
      <c r="Y96" s="18" t="s">
        <v>4</v>
      </c>
      <c r="Z96" s="18" t="s">
        <v>4</v>
      </c>
      <c r="AA96" s="18" t="s">
        <v>4</v>
      </c>
      <c r="AB96" s="18" t="s">
        <v>4</v>
      </c>
      <c r="AC96" s="18" t="s">
        <v>4</v>
      </c>
      <c r="AD96" s="18" t="s">
        <v>4</v>
      </c>
      <c r="AE96" s="18" t="s">
        <v>4</v>
      </c>
      <c r="AF96" s="18" t="s">
        <v>4</v>
      </c>
      <c r="AG96" s="18" t="s">
        <v>4</v>
      </c>
      <c r="AH96" s="18" t="s">
        <v>4</v>
      </c>
      <c r="AI96" s="18" t="s">
        <v>4</v>
      </c>
      <c r="AJ96" s="18" t="s">
        <v>4</v>
      </c>
      <c r="AK96" s="18" t="s">
        <v>4</v>
      </c>
      <c r="AL96" s="18" t="s">
        <v>4</v>
      </c>
      <c r="AM96" s="18" t="s">
        <v>4</v>
      </c>
      <c r="AN96" s="18" t="s">
        <v>4</v>
      </c>
      <c r="AO96" s="18" t="s">
        <v>582</v>
      </c>
      <c r="AP96" s="18" t="s">
        <v>583</v>
      </c>
      <c r="AQ96" s="18" t="s">
        <v>583</v>
      </c>
      <c r="AR96" s="18" t="s">
        <v>583</v>
      </c>
      <c r="AS96" s="23"/>
      <c r="AT96" s="14"/>
      <c r="AU96" s="14"/>
      <c r="AV96" s="14"/>
      <c r="AW96" s="14"/>
      <c r="AX96" s="14"/>
    </row>
    <row r="97" spans="1:50" s="15" customFormat="1" ht="42.75" customHeight="1" x14ac:dyDescent="0.65">
      <c r="A97" s="7" t="s">
        <v>574</v>
      </c>
      <c r="B97" s="17" t="s">
        <v>542</v>
      </c>
      <c r="C97" s="17" t="s">
        <v>575</v>
      </c>
      <c r="D97" s="17" t="s">
        <v>576</v>
      </c>
      <c r="E97" s="7" t="s">
        <v>577</v>
      </c>
      <c r="F97" s="18" t="s">
        <v>578</v>
      </c>
      <c r="G97" s="18" t="s">
        <v>579</v>
      </c>
      <c r="H97" s="19" t="s">
        <v>548</v>
      </c>
      <c r="I97" s="18" t="s">
        <v>580</v>
      </c>
      <c r="J97" s="18"/>
      <c r="K97" s="20" t="s">
        <v>0</v>
      </c>
      <c r="L97" s="21" t="s">
        <v>648</v>
      </c>
      <c r="M97" s="20" t="s">
        <v>649</v>
      </c>
      <c r="N97" s="22" t="s">
        <v>673</v>
      </c>
      <c r="O97" s="12" t="s">
        <v>4</v>
      </c>
      <c r="P97" s="12"/>
      <c r="Q97" s="18" t="s">
        <v>4</v>
      </c>
      <c r="R97" s="18" t="s">
        <v>4</v>
      </c>
      <c r="S97" s="18" t="s">
        <v>4</v>
      </c>
      <c r="T97" s="18" t="s">
        <v>4</v>
      </c>
      <c r="U97" s="18" t="s">
        <v>4</v>
      </c>
      <c r="V97" s="18" t="s">
        <v>4</v>
      </c>
      <c r="W97" s="18" t="s">
        <v>4</v>
      </c>
      <c r="X97" s="18" t="s">
        <v>4</v>
      </c>
      <c r="Y97" s="18" t="s">
        <v>4</v>
      </c>
      <c r="Z97" s="18" t="s">
        <v>4</v>
      </c>
      <c r="AA97" s="18" t="s">
        <v>4</v>
      </c>
      <c r="AB97" s="18" t="s">
        <v>4</v>
      </c>
      <c r="AC97" s="18" t="s">
        <v>4</v>
      </c>
      <c r="AD97" s="18" t="s">
        <v>4</v>
      </c>
      <c r="AE97" s="18" t="s">
        <v>4</v>
      </c>
      <c r="AF97" s="18" t="s">
        <v>4</v>
      </c>
      <c r="AG97" s="18" t="s">
        <v>4</v>
      </c>
      <c r="AH97" s="18" t="s">
        <v>4</v>
      </c>
      <c r="AI97" s="18" t="s">
        <v>4</v>
      </c>
      <c r="AJ97" s="18" t="s">
        <v>4</v>
      </c>
      <c r="AK97" s="18" t="s">
        <v>4</v>
      </c>
      <c r="AL97" s="18" t="s">
        <v>4</v>
      </c>
      <c r="AM97" s="18" t="s">
        <v>4</v>
      </c>
      <c r="AN97" s="18" t="s">
        <v>4</v>
      </c>
      <c r="AO97" s="18" t="s">
        <v>582</v>
      </c>
      <c r="AP97" s="18" t="s">
        <v>583</v>
      </c>
      <c r="AQ97" s="18" t="s">
        <v>583</v>
      </c>
      <c r="AR97" s="18" t="s">
        <v>583</v>
      </c>
      <c r="AS97" s="23"/>
      <c r="AT97" s="14"/>
      <c r="AU97" s="14"/>
      <c r="AV97" s="14"/>
      <c r="AW97" s="14"/>
      <c r="AX97" s="14"/>
    </row>
    <row r="98" spans="1:50" s="15" customFormat="1" ht="42.75" customHeight="1" x14ac:dyDescent="0.65">
      <c r="A98" s="7" t="s">
        <v>574</v>
      </c>
      <c r="B98" s="17" t="s">
        <v>542</v>
      </c>
      <c r="C98" s="17" t="s">
        <v>575</v>
      </c>
      <c r="D98" s="17" t="s">
        <v>576</v>
      </c>
      <c r="E98" s="7" t="s">
        <v>577</v>
      </c>
      <c r="F98" s="18" t="s">
        <v>578</v>
      </c>
      <c r="G98" s="18" t="s">
        <v>579</v>
      </c>
      <c r="H98" s="19" t="s">
        <v>548</v>
      </c>
      <c r="I98" s="18" t="s">
        <v>580</v>
      </c>
      <c r="J98" s="18"/>
      <c r="K98" s="20" t="s">
        <v>0</v>
      </c>
      <c r="L98" s="21" t="s">
        <v>648</v>
      </c>
      <c r="M98" s="20" t="s">
        <v>649</v>
      </c>
      <c r="N98" s="22" t="s">
        <v>674</v>
      </c>
      <c r="O98" s="12" t="s">
        <v>4</v>
      </c>
      <c r="P98" s="12"/>
      <c r="Q98" s="18" t="s">
        <v>4</v>
      </c>
      <c r="R98" s="18" t="s">
        <v>4</v>
      </c>
      <c r="S98" s="18" t="s">
        <v>4</v>
      </c>
      <c r="T98" s="18" t="s">
        <v>4</v>
      </c>
      <c r="U98" s="18" t="s">
        <v>4</v>
      </c>
      <c r="V98" s="18" t="s">
        <v>4</v>
      </c>
      <c r="W98" s="18" t="s">
        <v>4</v>
      </c>
      <c r="X98" s="18" t="s">
        <v>4</v>
      </c>
      <c r="Y98" s="18" t="s">
        <v>4</v>
      </c>
      <c r="Z98" s="18" t="s">
        <v>4</v>
      </c>
      <c r="AA98" s="18" t="s">
        <v>4</v>
      </c>
      <c r="AB98" s="18" t="s">
        <v>4</v>
      </c>
      <c r="AC98" s="18" t="s">
        <v>4</v>
      </c>
      <c r="AD98" s="18" t="s">
        <v>4</v>
      </c>
      <c r="AE98" s="18" t="s">
        <v>4</v>
      </c>
      <c r="AF98" s="18" t="s">
        <v>4</v>
      </c>
      <c r="AG98" s="18" t="s">
        <v>4</v>
      </c>
      <c r="AH98" s="18" t="s">
        <v>4</v>
      </c>
      <c r="AI98" s="18" t="s">
        <v>4</v>
      </c>
      <c r="AJ98" s="18" t="s">
        <v>4</v>
      </c>
      <c r="AK98" s="18" t="s">
        <v>4</v>
      </c>
      <c r="AL98" s="18" t="s">
        <v>4</v>
      </c>
      <c r="AM98" s="18" t="s">
        <v>4</v>
      </c>
      <c r="AN98" s="18" t="s">
        <v>4</v>
      </c>
      <c r="AO98" s="18" t="s">
        <v>582</v>
      </c>
      <c r="AP98" s="18" t="s">
        <v>583</v>
      </c>
      <c r="AQ98" s="18" t="s">
        <v>583</v>
      </c>
      <c r="AR98" s="18" t="s">
        <v>583</v>
      </c>
      <c r="AS98" s="23"/>
      <c r="AT98" s="14"/>
      <c r="AU98" s="14"/>
      <c r="AV98" s="14"/>
      <c r="AW98" s="14"/>
      <c r="AX98" s="14"/>
    </row>
    <row r="99" spans="1:50" s="15" customFormat="1" ht="42.75" customHeight="1" x14ac:dyDescent="0.65">
      <c r="A99" s="7" t="s">
        <v>574</v>
      </c>
      <c r="B99" s="17" t="s">
        <v>542</v>
      </c>
      <c r="C99" s="17" t="s">
        <v>575</v>
      </c>
      <c r="D99" s="17" t="s">
        <v>576</v>
      </c>
      <c r="E99" s="7" t="s">
        <v>577</v>
      </c>
      <c r="F99" s="18" t="s">
        <v>578</v>
      </c>
      <c r="G99" s="18" t="s">
        <v>579</v>
      </c>
      <c r="H99" s="19" t="s">
        <v>548</v>
      </c>
      <c r="I99" s="18" t="s">
        <v>580</v>
      </c>
      <c r="J99" s="18"/>
      <c r="K99" s="20" t="s">
        <v>0</v>
      </c>
      <c r="L99" s="21" t="s">
        <v>648</v>
      </c>
      <c r="M99" s="20" t="s">
        <v>649</v>
      </c>
      <c r="N99" s="22" t="s">
        <v>675</v>
      </c>
      <c r="O99" s="12" t="s">
        <v>4</v>
      </c>
      <c r="P99" s="12"/>
      <c r="Q99" s="18" t="s">
        <v>4</v>
      </c>
      <c r="R99" s="18" t="s">
        <v>4</v>
      </c>
      <c r="S99" s="18" t="s">
        <v>4</v>
      </c>
      <c r="T99" s="18" t="s">
        <v>4</v>
      </c>
      <c r="U99" s="18" t="s">
        <v>4</v>
      </c>
      <c r="V99" s="18" t="s">
        <v>4</v>
      </c>
      <c r="W99" s="18" t="s">
        <v>4</v>
      </c>
      <c r="X99" s="18" t="s">
        <v>4</v>
      </c>
      <c r="Y99" s="18" t="s">
        <v>4</v>
      </c>
      <c r="Z99" s="18" t="s">
        <v>4</v>
      </c>
      <c r="AA99" s="18" t="s">
        <v>4</v>
      </c>
      <c r="AB99" s="18" t="s">
        <v>4</v>
      </c>
      <c r="AC99" s="18" t="s">
        <v>4</v>
      </c>
      <c r="AD99" s="18" t="s">
        <v>4</v>
      </c>
      <c r="AE99" s="18" t="s">
        <v>4</v>
      </c>
      <c r="AF99" s="18" t="s">
        <v>4</v>
      </c>
      <c r="AG99" s="18" t="s">
        <v>4</v>
      </c>
      <c r="AH99" s="18" t="s">
        <v>4</v>
      </c>
      <c r="AI99" s="18" t="s">
        <v>4</v>
      </c>
      <c r="AJ99" s="18" t="s">
        <v>4</v>
      </c>
      <c r="AK99" s="18" t="s">
        <v>4</v>
      </c>
      <c r="AL99" s="18" t="s">
        <v>4</v>
      </c>
      <c r="AM99" s="18" t="s">
        <v>4</v>
      </c>
      <c r="AN99" s="18" t="s">
        <v>4</v>
      </c>
      <c r="AO99" s="18" t="s">
        <v>582</v>
      </c>
      <c r="AP99" s="18" t="s">
        <v>583</v>
      </c>
      <c r="AQ99" s="18" t="s">
        <v>583</v>
      </c>
      <c r="AR99" s="18" t="s">
        <v>583</v>
      </c>
      <c r="AS99" s="23"/>
      <c r="AT99" s="14"/>
      <c r="AU99" s="14"/>
      <c r="AV99" s="14"/>
      <c r="AW99" s="14"/>
      <c r="AX99" s="14"/>
    </row>
    <row r="100" spans="1:50" s="15" customFormat="1" ht="42.75" customHeight="1" x14ac:dyDescent="0.65">
      <c r="A100" s="7" t="s">
        <v>574</v>
      </c>
      <c r="B100" s="17" t="s">
        <v>542</v>
      </c>
      <c r="C100" s="17" t="s">
        <v>575</v>
      </c>
      <c r="D100" s="17" t="s">
        <v>576</v>
      </c>
      <c r="E100" s="7" t="s">
        <v>577</v>
      </c>
      <c r="F100" s="18" t="s">
        <v>578</v>
      </c>
      <c r="G100" s="18" t="s">
        <v>579</v>
      </c>
      <c r="H100" s="19" t="s">
        <v>548</v>
      </c>
      <c r="I100" s="18" t="s">
        <v>580</v>
      </c>
      <c r="J100" s="18"/>
      <c r="K100" s="20" t="s">
        <v>0</v>
      </c>
      <c r="L100" s="21" t="s">
        <v>648</v>
      </c>
      <c r="M100" s="20" t="s">
        <v>649</v>
      </c>
      <c r="N100" s="22" t="s">
        <v>676</v>
      </c>
      <c r="O100" s="12" t="s">
        <v>4</v>
      </c>
      <c r="P100" s="12"/>
      <c r="Q100" s="18" t="s">
        <v>4</v>
      </c>
      <c r="R100" s="18" t="s">
        <v>4</v>
      </c>
      <c r="S100" s="18" t="s">
        <v>4</v>
      </c>
      <c r="T100" s="18" t="s">
        <v>4</v>
      </c>
      <c r="U100" s="18" t="s">
        <v>4</v>
      </c>
      <c r="V100" s="18" t="s">
        <v>4</v>
      </c>
      <c r="W100" s="18" t="s">
        <v>4</v>
      </c>
      <c r="X100" s="18" t="s">
        <v>4</v>
      </c>
      <c r="Y100" s="18" t="s">
        <v>4</v>
      </c>
      <c r="Z100" s="18" t="s">
        <v>4</v>
      </c>
      <c r="AA100" s="18" t="s">
        <v>4</v>
      </c>
      <c r="AB100" s="18" t="s">
        <v>4</v>
      </c>
      <c r="AC100" s="18" t="s">
        <v>4</v>
      </c>
      <c r="AD100" s="18" t="s">
        <v>4</v>
      </c>
      <c r="AE100" s="18" t="s">
        <v>4</v>
      </c>
      <c r="AF100" s="18" t="s">
        <v>4</v>
      </c>
      <c r="AG100" s="18" t="s">
        <v>4</v>
      </c>
      <c r="AH100" s="18" t="s">
        <v>4</v>
      </c>
      <c r="AI100" s="18" t="s">
        <v>4</v>
      </c>
      <c r="AJ100" s="18" t="s">
        <v>4</v>
      </c>
      <c r="AK100" s="18" t="s">
        <v>4</v>
      </c>
      <c r="AL100" s="18" t="s">
        <v>4</v>
      </c>
      <c r="AM100" s="18" t="s">
        <v>4</v>
      </c>
      <c r="AN100" s="18" t="s">
        <v>4</v>
      </c>
      <c r="AO100" s="18" t="s">
        <v>582</v>
      </c>
      <c r="AP100" s="18" t="s">
        <v>583</v>
      </c>
      <c r="AQ100" s="18" t="s">
        <v>583</v>
      </c>
      <c r="AR100" s="18" t="s">
        <v>583</v>
      </c>
      <c r="AS100" s="23"/>
      <c r="AT100" s="14"/>
      <c r="AU100" s="14"/>
      <c r="AV100" s="14"/>
      <c r="AW100" s="14"/>
      <c r="AX100" s="14"/>
    </row>
    <row r="101" spans="1:50" s="15" customFormat="1" ht="42.75" customHeight="1" x14ac:dyDescent="0.65">
      <c r="A101" s="7" t="s">
        <v>574</v>
      </c>
      <c r="B101" s="17" t="s">
        <v>542</v>
      </c>
      <c r="C101" s="17" t="s">
        <v>575</v>
      </c>
      <c r="D101" s="17" t="s">
        <v>576</v>
      </c>
      <c r="E101" s="7" t="s">
        <v>577</v>
      </c>
      <c r="F101" s="18" t="s">
        <v>578</v>
      </c>
      <c r="G101" s="18" t="s">
        <v>579</v>
      </c>
      <c r="H101" s="19" t="s">
        <v>548</v>
      </c>
      <c r="I101" s="18" t="s">
        <v>580</v>
      </c>
      <c r="J101" s="18"/>
      <c r="K101" s="20" t="s">
        <v>0</v>
      </c>
      <c r="L101" s="21" t="s">
        <v>648</v>
      </c>
      <c r="M101" s="20" t="s">
        <v>649</v>
      </c>
      <c r="N101" s="22" t="s">
        <v>677</v>
      </c>
      <c r="O101" s="12" t="s">
        <v>4</v>
      </c>
      <c r="P101" s="12"/>
      <c r="Q101" s="18" t="s">
        <v>4</v>
      </c>
      <c r="R101" s="18" t="s">
        <v>4</v>
      </c>
      <c r="S101" s="18" t="s">
        <v>4</v>
      </c>
      <c r="T101" s="18" t="s">
        <v>4</v>
      </c>
      <c r="U101" s="18" t="s">
        <v>4</v>
      </c>
      <c r="V101" s="18" t="s">
        <v>4</v>
      </c>
      <c r="W101" s="18" t="s">
        <v>4</v>
      </c>
      <c r="X101" s="18" t="s">
        <v>4</v>
      </c>
      <c r="Y101" s="18" t="s">
        <v>4</v>
      </c>
      <c r="Z101" s="18" t="s">
        <v>4</v>
      </c>
      <c r="AA101" s="18" t="s">
        <v>4</v>
      </c>
      <c r="AB101" s="18" t="s">
        <v>4</v>
      </c>
      <c r="AC101" s="18" t="s">
        <v>4</v>
      </c>
      <c r="AD101" s="18" t="s">
        <v>4</v>
      </c>
      <c r="AE101" s="18" t="s">
        <v>4</v>
      </c>
      <c r="AF101" s="18" t="s">
        <v>4</v>
      </c>
      <c r="AG101" s="18" t="s">
        <v>4</v>
      </c>
      <c r="AH101" s="18" t="s">
        <v>4</v>
      </c>
      <c r="AI101" s="18" t="s">
        <v>4</v>
      </c>
      <c r="AJ101" s="18" t="s">
        <v>4</v>
      </c>
      <c r="AK101" s="18" t="s">
        <v>4</v>
      </c>
      <c r="AL101" s="18" t="s">
        <v>4</v>
      </c>
      <c r="AM101" s="18" t="s">
        <v>4</v>
      </c>
      <c r="AN101" s="18" t="s">
        <v>4</v>
      </c>
      <c r="AO101" s="18" t="s">
        <v>582</v>
      </c>
      <c r="AP101" s="18" t="s">
        <v>583</v>
      </c>
      <c r="AQ101" s="18" t="s">
        <v>583</v>
      </c>
      <c r="AR101" s="18" t="s">
        <v>583</v>
      </c>
      <c r="AS101" s="23"/>
      <c r="AT101" s="14"/>
      <c r="AU101" s="14"/>
      <c r="AV101" s="14"/>
      <c r="AW101" s="14"/>
      <c r="AX101" s="14"/>
    </row>
    <row r="102" spans="1:50" s="15" customFormat="1" ht="42.75" customHeight="1" x14ac:dyDescent="0.65">
      <c r="A102" s="7" t="s">
        <v>574</v>
      </c>
      <c r="B102" s="17" t="s">
        <v>542</v>
      </c>
      <c r="C102" s="17" t="s">
        <v>575</v>
      </c>
      <c r="D102" s="17" t="s">
        <v>576</v>
      </c>
      <c r="E102" s="7" t="s">
        <v>577</v>
      </c>
      <c r="F102" s="18" t="s">
        <v>578</v>
      </c>
      <c r="G102" s="18" t="s">
        <v>579</v>
      </c>
      <c r="H102" s="19" t="s">
        <v>548</v>
      </c>
      <c r="I102" s="18" t="s">
        <v>580</v>
      </c>
      <c r="J102" s="18"/>
      <c r="K102" s="20" t="s">
        <v>0</v>
      </c>
      <c r="L102" s="21" t="s">
        <v>648</v>
      </c>
      <c r="M102" s="20" t="s">
        <v>649</v>
      </c>
      <c r="N102" s="22" t="s">
        <v>678</v>
      </c>
      <c r="O102" s="12" t="s">
        <v>4</v>
      </c>
      <c r="P102" s="12"/>
      <c r="Q102" s="18" t="s">
        <v>4</v>
      </c>
      <c r="R102" s="18" t="s">
        <v>4</v>
      </c>
      <c r="S102" s="18" t="s">
        <v>4</v>
      </c>
      <c r="T102" s="18" t="s">
        <v>4</v>
      </c>
      <c r="U102" s="18" t="s">
        <v>4</v>
      </c>
      <c r="V102" s="18" t="s">
        <v>4</v>
      </c>
      <c r="W102" s="18" t="s">
        <v>4</v>
      </c>
      <c r="X102" s="18" t="s">
        <v>4</v>
      </c>
      <c r="Y102" s="18" t="s">
        <v>4</v>
      </c>
      <c r="Z102" s="18" t="s">
        <v>4</v>
      </c>
      <c r="AA102" s="18" t="s">
        <v>4</v>
      </c>
      <c r="AB102" s="18" t="s">
        <v>4</v>
      </c>
      <c r="AC102" s="18" t="s">
        <v>4</v>
      </c>
      <c r="AD102" s="18" t="s">
        <v>4</v>
      </c>
      <c r="AE102" s="18" t="s">
        <v>4</v>
      </c>
      <c r="AF102" s="18" t="s">
        <v>4</v>
      </c>
      <c r="AG102" s="18" t="s">
        <v>4</v>
      </c>
      <c r="AH102" s="18" t="s">
        <v>4</v>
      </c>
      <c r="AI102" s="18" t="s">
        <v>4</v>
      </c>
      <c r="AJ102" s="18" t="s">
        <v>4</v>
      </c>
      <c r="AK102" s="18" t="s">
        <v>4</v>
      </c>
      <c r="AL102" s="18" t="s">
        <v>4</v>
      </c>
      <c r="AM102" s="18" t="s">
        <v>4</v>
      </c>
      <c r="AN102" s="18" t="s">
        <v>4</v>
      </c>
      <c r="AO102" s="18" t="s">
        <v>582</v>
      </c>
      <c r="AP102" s="18" t="s">
        <v>583</v>
      </c>
      <c r="AQ102" s="18" t="s">
        <v>583</v>
      </c>
      <c r="AR102" s="18" t="s">
        <v>583</v>
      </c>
      <c r="AS102" s="23"/>
      <c r="AT102" s="14"/>
      <c r="AU102" s="14"/>
      <c r="AV102" s="14"/>
      <c r="AW102" s="14"/>
      <c r="AX102" s="14"/>
    </row>
    <row r="103" spans="1:50" s="15" customFormat="1" ht="42.75" customHeight="1" x14ac:dyDescent="0.65">
      <c r="A103" s="7" t="s">
        <v>574</v>
      </c>
      <c r="B103" s="17" t="s">
        <v>542</v>
      </c>
      <c r="C103" s="17" t="s">
        <v>575</v>
      </c>
      <c r="D103" s="17" t="s">
        <v>576</v>
      </c>
      <c r="E103" s="7" t="s">
        <v>577</v>
      </c>
      <c r="F103" s="18" t="s">
        <v>578</v>
      </c>
      <c r="G103" s="18" t="s">
        <v>579</v>
      </c>
      <c r="H103" s="19" t="s">
        <v>548</v>
      </c>
      <c r="I103" s="18" t="s">
        <v>580</v>
      </c>
      <c r="J103" s="18"/>
      <c r="K103" s="20" t="s">
        <v>0</v>
      </c>
      <c r="L103" s="21" t="s">
        <v>648</v>
      </c>
      <c r="M103" s="20" t="s">
        <v>649</v>
      </c>
      <c r="N103" s="22" t="s">
        <v>679</v>
      </c>
      <c r="O103" s="12" t="s">
        <v>4</v>
      </c>
      <c r="P103" s="12"/>
      <c r="Q103" s="18" t="s">
        <v>4</v>
      </c>
      <c r="R103" s="18" t="s">
        <v>4</v>
      </c>
      <c r="S103" s="18" t="s">
        <v>4</v>
      </c>
      <c r="T103" s="18" t="s">
        <v>4</v>
      </c>
      <c r="U103" s="18" t="s">
        <v>4</v>
      </c>
      <c r="V103" s="18" t="s">
        <v>4</v>
      </c>
      <c r="W103" s="18" t="s">
        <v>4</v>
      </c>
      <c r="X103" s="18" t="s">
        <v>4</v>
      </c>
      <c r="Y103" s="18" t="s">
        <v>4</v>
      </c>
      <c r="Z103" s="18" t="s">
        <v>4</v>
      </c>
      <c r="AA103" s="18" t="s">
        <v>4</v>
      </c>
      <c r="AB103" s="18" t="s">
        <v>4</v>
      </c>
      <c r="AC103" s="18" t="s">
        <v>4</v>
      </c>
      <c r="AD103" s="18" t="s">
        <v>4</v>
      </c>
      <c r="AE103" s="18" t="s">
        <v>4</v>
      </c>
      <c r="AF103" s="18" t="s">
        <v>4</v>
      </c>
      <c r="AG103" s="18" t="s">
        <v>4</v>
      </c>
      <c r="AH103" s="18" t="s">
        <v>4</v>
      </c>
      <c r="AI103" s="18" t="s">
        <v>4</v>
      </c>
      <c r="AJ103" s="18" t="s">
        <v>4</v>
      </c>
      <c r="AK103" s="18" t="s">
        <v>4</v>
      </c>
      <c r="AL103" s="18" t="s">
        <v>4</v>
      </c>
      <c r="AM103" s="18" t="s">
        <v>4</v>
      </c>
      <c r="AN103" s="18" t="s">
        <v>4</v>
      </c>
      <c r="AO103" s="18" t="s">
        <v>582</v>
      </c>
      <c r="AP103" s="18" t="s">
        <v>583</v>
      </c>
      <c r="AQ103" s="18" t="s">
        <v>583</v>
      </c>
      <c r="AR103" s="18" t="s">
        <v>583</v>
      </c>
      <c r="AS103" s="23"/>
      <c r="AT103" s="14"/>
      <c r="AU103" s="14"/>
      <c r="AV103" s="14"/>
      <c r="AW103" s="14"/>
      <c r="AX103" s="14"/>
    </row>
    <row r="104" spans="1:50" s="15" customFormat="1" ht="42.75" customHeight="1" x14ac:dyDescent="0.65">
      <c r="A104" s="7" t="s">
        <v>574</v>
      </c>
      <c r="B104" s="17" t="s">
        <v>542</v>
      </c>
      <c r="C104" s="17" t="s">
        <v>575</v>
      </c>
      <c r="D104" s="17" t="s">
        <v>576</v>
      </c>
      <c r="E104" s="7" t="s">
        <v>577</v>
      </c>
      <c r="F104" s="18" t="s">
        <v>578</v>
      </c>
      <c r="G104" s="18" t="s">
        <v>579</v>
      </c>
      <c r="H104" s="19" t="s">
        <v>548</v>
      </c>
      <c r="I104" s="18" t="s">
        <v>580</v>
      </c>
      <c r="J104" s="18"/>
      <c r="K104" s="20" t="s">
        <v>0</v>
      </c>
      <c r="L104" s="21" t="s">
        <v>648</v>
      </c>
      <c r="M104" s="20" t="s">
        <v>649</v>
      </c>
      <c r="N104" s="22" t="s">
        <v>680</v>
      </c>
      <c r="O104" s="12" t="s">
        <v>4</v>
      </c>
      <c r="P104" s="12"/>
      <c r="Q104" s="18" t="s">
        <v>4</v>
      </c>
      <c r="R104" s="18" t="s">
        <v>4</v>
      </c>
      <c r="S104" s="18" t="s">
        <v>4</v>
      </c>
      <c r="T104" s="18" t="s">
        <v>4</v>
      </c>
      <c r="U104" s="18" t="s">
        <v>4</v>
      </c>
      <c r="V104" s="18" t="s">
        <v>4</v>
      </c>
      <c r="W104" s="18" t="s">
        <v>4</v>
      </c>
      <c r="X104" s="18" t="s">
        <v>4</v>
      </c>
      <c r="Y104" s="18" t="s">
        <v>4</v>
      </c>
      <c r="Z104" s="18" t="s">
        <v>4</v>
      </c>
      <c r="AA104" s="18" t="s">
        <v>4</v>
      </c>
      <c r="AB104" s="18" t="s">
        <v>4</v>
      </c>
      <c r="AC104" s="18" t="s">
        <v>4</v>
      </c>
      <c r="AD104" s="18" t="s">
        <v>4</v>
      </c>
      <c r="AE104" s="18" t="s">
        <v>4</v>
      </c>
      <c r="AF104" s="18" t="s">
        <v>4</v>
      </c>
      <c r="AG104" s="18" t="s">
        <v>4</v>
      </c>
      <c r="AH104" s="18" t="s">
        <v>4</v>
      </c>
      <c r="AI104" s="18" t="s">
        <v>4</v>
      </c>
      <c r="AJ104" s="18" t="s">
        <v>4</v>
      </c>
      <c r="AK104" s="18" t="s">
        <v>4</v>
      </c>
      <c r="AL104" s="18" t="s">
        <v>4</v>
      </c>
      <c r="AM104" s="18" t="s">
        <v>4</v>
      </c>
      <c r="AN104" s="18" t="s">
        <v>4</v>
      </c>
      <c r="AO104" s="18" t="s">
        <v>582</v>
      </c>
      <c r="AP104" s="18" t="s">
        <v>583</v>
      </c>
      <c r="AQ104" s="18" t="s">
        <v>583</v>
      </c>
      <c r="AR104" s="18" t="s">
        <v>583</v>
      </c>
      <c r="AS104" s="23"/>
      <c r="AT104" s="14"/>
      <c r="AU104" s="14"/>
      <c r="AV104" s="14"/>
      <c r="AW104" s="14"/>
      <c r="AX104" s="14"/>
    </row>
    <row r="105" spans="1:50" s="15" customFormat="1" ht="42.75" customHeight="1" x14ac:dyDescent="0.65">
      <c r="A105" s="7" t="s">
        <v>574</v>
      </c>
      <c r="B105" s="17" t="s">
        <v>542</v>
      </c>
      <c r="C105" s="17" t="s">
        <v>575</v>
      </c>
      <c r="D105" s="17" t="s">
        <v>576</v>
      </c>
      <c r="E105" s="7" t="s">
        <v>577</v>
      </c>
      <c r="F105" s="18" t="s">
        <v>578</v>
      </c>
      <c r="G105" s="18" t="s">
        <v>579</v>
      </c>
      <c r="H105" s="19" t="s">
        <v>548</v>
      </c>
      <c r="I105" s="18" t="s">
        <v>580</v>
      </c>
      <c r="J105" s="18"/>
      <c r="K105" s="20" t="s">
        <v>0</v>
      </c>
      <c r="L105" s="21" t="s">
        <v>648</v>
      </c>
      <c r="M105" s="20" t="s">
        <v>649</v>
      </c>
      <c r="N105" s="22" t="s">
        <v>681</v>
      </c>
      <c r="O105" s="12" t="s">
        <v>4</v>
      </c>
      <c r="P105" s="12"/>
      <c r="Q105" s="18" t="s">
        <v>4</v>
      </c>
      <c r="R105" s="18" t="s">
        <v>4</v>
      </c>
      <c r="S105" s="18" t="s">
        <v>4</v>
      </c>
      <c r="T105" s="18" t="s">
        <v>4</v>
      </c>
      <c r="U105" s="18" t="s">
        <v>4</v>
      </c>
      <c r="V105" s="18" t="s">
        <v>4</v>
      </c>
      <c r="W105" s="18" t="s">
        <v>4</v>
      </c>
      <c r="X105" s="18" t="s">
        <v>4</v>
      </c>
      <c r="Y105" s="18" t="s">
        <v>4</v>
      </c>
      <c r="Z105" s="18" t="s">
        <v>4</v>
      </c>
      <c r="AA105" s="18" t="s">
        <v>4</v>
      </c>
      <c r="AB105" s="18" t="s">
        <v>4</v>
      </c>
      <c r="AC105" s="18" t="s">
        <v>4</v>
      </c>
      <c r="AD105" s="18" t="s">
        <v>4</v>
      </c>
      <c r="AE105" s="18" t="s">
        <v>4</v>
      </c>
      <c r="AF105" s="18" t="s">
        <v>4</v>
      </c>
      <c r="AG105" s="18" t="s">
        <v>4</v>
      </c>
      <c r="AH105" s="18" t="s">
        <v>4</v>
      </c>
      <c r="AI105" s="18" t="s">
        <v>4</v>
      </c>
      <c r="AJ105" s="18" t="s">
        <v>4</v>
      </c>
      <c r="AK105" s="18" t="s">
        <v>4</v>
      </c>
      <c r="AL105" s="18" t="s">
        <v>4</v>
      </c>
      <c r="AM105" s="18" t="s">
        <v>4</v>
      </c>
      <c r="AN105" s="18" t="s">
        <v>4</v>
      </c>
      <c r="AO105" s="18" t="s">
        <v>582</v>
      </c>
      <c r="AP105" s="18" t="s">
        <v>583</v>
      </c>
      <c r="AQ105" s="18" t="s">
        <v>583</v>
      </c>
      <c r="AR105" s="18" t="s">
        <v>583</v>
      </c>
      <c r="AS105" s="23" t="s">
        <v>682</v>
      </c>
      <c r="AT105" s="14"/>
      <c r="AU105" s="14"/>
      <c r="AV105" s="14"/>
      <c r="AW105" s="14"/>
      <c r="AX105" s="14"/>
    </row>
    <row r="106" spans="1:50" s="15" customFormat="1" ht="42.75" customHeight="1" x14ac:dyDescent="0.65">
      <c r="A106" s="7" t="s">
        <v>574</v>
      </c>
      <c r="B106" s="17" t="s">
        <v>542</v>
      </c>
      <c r="C106" s="17" t="s">
        <v>575</v>
      </c>
      <c r="D106" s="17" t="s">
        <v>576</v>
      </c>
      <c r="E106" s="7" t="s">
        <v>577</v>
      </c>
      <c r="F106" s="18" t="s">
        <v>578</v>
      </c>
      <c r="G106" s="18" t="s">
        <v>579</v>
      </c>
      <c r="H106" s="19" t="s">
        <v>548</v>
      </c>
      <c r="I106" s="18" t="s">
        <v>580</v>
      </c>
      <c r="J106" s="18"/>
      <c r="K106" s="20" t="s">
        <v>0</v>
      </c>
      <c r="L106" s="21" t="s">
        <v>648</v>
      </c>
      <c r="M106" s="20" t="s">
        <v>649</v>
      </c>
      <c r="N106" s="22" t="s">
        <v>683</v>
      </c>
      <c r="O106" s="12"/>
      <c r="P106" s="12" t="s">
        <v>2</v>
      </c>
      <c r="Q106" s="18" t="s">
        <v>4</v>
      </c>
      <c r="R106" s="18" t="s">
        <v>4</v>
      </c>
      <c r="S106" s="18" t="s">
        <v>4</v>
      </c>
      <c r="T106" s="18" t="s">
        <v>4</v>
      </c>
      <c r="U106" s="18" t="s">
        <v>4</v>
      </c>
      <c r="V106" s="18" t="s">
        <v>4</v>
      </c>
      <c r="W106" s="18" t="s">
        <v>4</v>
      </c>
      <c r="X106" s="18" t="s">
        <v>4</v>
      </c>
      <c r="Y106" s="18" t="s">
        <v>4</v>
      </c>
      <c r="Z106" s="18" t="s">
        <v>4</v>
      </c>
      <c r="AA106" s="18" t="s">
        <v>4</v>
      </c>
      <c r="AB106" s="18" t="s">
        <v>4</v>
      </c>
      <c r="AC106" s="18" t="s">
        <v>4</v>
      </c>
      <c r="AD106" s="18" t="s">
        <v>4</v>
      </c>
      <c r="AE106" s="18" t="s">
        <v>4</v>
      </c>
      <c r="AF106" s="18" t="s">
        <v>4</v>
      </c>
      <c r="AG106" s="18" t="s">
        <v>4</v>
      </c>
      <c r="AH106" s="18" t="s">
        <v>4</v>
      </c>
      <c r="AI106" s="18" t="s">
        <v>4</v>
      </c>
      <c r="AJ106" s="18" t="s">
        <v>4</v>
      </c>
      <c r="AK106" s="18" t="s">
        <v>4</v>
      </c>
      <c r="AL106" s="18" t="s">
        <v>4</v>
      </c>
      <c r="AM106" s="18" t="s">
        <v>4</v>
      </c>
      <c r="AN106" s="18" t="s">
        <v>4</v>
      </c>
      <c r="AO106" s="18" t="s">
        <v>684</v>
      </c>
      <c r="AP106" s="18" t="s">
        <v>583</v>
      </c>
      <c r="AQ106" s="18" t="s">
        <v>583</v>
      </c>
      <c r="AR106" s="18" t="s">
        <v>583</v>
      </c>
      <c r="AS106" s="23"/>
      <c r="AT106" s="14"/>
      <c r="AU106" s="14"/>
      <c r="AV106" s="14"/>
      <c r="AW106" s="14"/>
      <c r="AX106" s="14"/>
    </row>
    <row r="107" spans="1:50" s="15" customFormat="1" ht="42.75" customHeight="1" x14ac:dyDescent="0.65">
      <c r="A107" s="7" t="s">
        <v>574</v>
      </c>
      <c r="B107" s="17" t="s">
        <v>542</v>
      </c>
      <c r="C107" s="17" t="s">
        <v>575</v>
      </c>
      <c r="D107" s="17" t="s">
        <v>576</v>
      </c>
      <c r="E107" s="7" t="s">
        <v>577</v>
      </c>
      <c r="F107" s="18" t="s">
        <v>578</v>
      </c>
      <c r="G107" s="18" t="s">
        <v>579</v>
      </c>
      <c r="H107" s="19" t="s">
        <v>548</v>
      </c>
      <c r="I107" s="18" t="s">
        <v>580</v>
      </c>
      <c r="J107" s="18"/>
      <c r="K107" s="20" t="s">
        <v>0</v>
      </c>
      <c r="L107" s="21" t="s">
        <v>6</v>
      </c>
      <c r="M107" s="20" t="s">
        <v>685</v>
      </c>
      <c r="N107" s="22" t="s">
        <v>229</v>
      </c>
      <c r="O107" s="12"/>
      <c r="P107" s="12" t="s">
        <v>2</v>
      </c>
      <c r="Q107" s="18" t="s">
        <v>4</v>
      </c>
      <c r="R107" s="18" t="s">
        <v>4</v>
      </c>
      <c r="S107" s="18" t="s">
        <v>4</v>
      </c>
      <c r="T107" s="18" t="s">
        <v>4</v>
      </c>
      <c r="U107" s="18" t="s">
        <v>4</v>
      </c>
      <c r="V107" s="18" t="s">
        <v>4</v>
      </c>
      <c r="W107" s="18" t="s">
        <v>4</v>
      </c>
      <c r="X107" s="18" t="s">
        <v>4</v>
      </c>
      <c r="Y107" s="18" t="s">
        <v>4</v>
      </c>
      <c r="Z107" s="18" t="s">
        <v>4</v>
      </c>
      <c r="AA107" s="18" t="s">
        <v>4</v>
      </c>
      <c r="AB107" s="18" t="s">
        <v>4</v>
      </c>
      <c r="AC107" s="18" t="s">
        <v>4</v>
      </c>
      <c r="AD107" s="18" t="s">
        <v>4</v>
      </c>
      <c r="AE107" s="18" t="s">
        <v>4</v>
      </c>
      <c r="AF107" s="18" t="s">
        <v>4</v>
      </c>
      <c r="AG107" s="18" t="s">
        <v>4</v>
      </c>
      <c r="AH107" s="18" t="s">
        <v>4</v>
      </c>
      <c r="AI107" s="18" t="s">
        <v>4</v>
      </c>
      <c r="AJ107" s="18" t="s">
        <v>4</v>
      </c>
      <c r="AK107" s="18" t="s">
        <v>4</v>
      </c>
      <c r="AL107" s="18" t="s">
        <v>4</v>
      </c>
      <c r="AM107" s="18" t="s">
        <v>4</v>
      </c>
      <c r="AN107" s="18" t="s">
        <v>4</v>
      </c>
      <c r="AO107" s="18" t="s">
        <v>684</v>
      </c>
      <c r="AP107" s="18" t="s">
        <v>583</v>
      </c>
      <c r="AQ107" s="18" t="s">
        <v>583</v>
      </c>
      <c r="AR107" s="18" t="s">
        <v>583</v>
      </c>
      <c r="AS107" s="23"/>
      <c r="AT107" s="14"/>
      <c r="AU107" s="14"/>
      <c r="AV107" s="14"/>
      <c r="AW107" s="14"/>
      <c r="AX107" s="14"/>
    </row>
    <row r="108" spans="1:50" s="15" customFormat="1" ht="42.75" customHeight="1" x14ac:dyDescent="0.65">
      <c r="A108" s="7" t="s">
        <v>574</v>
      </c>
      <c r="B108" s="17" t="s">
        <v>542</v>
      </c>
      <c r="C108" s="17" t="s">
        <v>575</v>
      </c>
      <c r="D108" s="17" t="s">
        <v>576</v>
      </c>
      <c r="E108" s="7" t="s">
        <v>577</v>
      </c>
      <c r="F108" s="18" t="s">
        <v>578</v>
      </c>
      <c r="G108" s="18" t="s">
        <v>579</v>
      </c>
      <c r="H108" s="19" t="s">
        <v>548</v>
      </c>
      <c r="I108" s="18" t="s">
        <v>580</v>
      </c>
      <c r="J108" s="18"/>
      <c r="K108" s="20" t="s">
        <v>0</v>
      </c>
      <c r="L108" s="21" t="s">
        <v>6</v>
      </c>
      <c r="M108" s="20" t="s">
        <v>685</v>
      </c>
      <c r="N108" s="22" t="s">
        <v>683</v>
      </c>
      <c r="O108" s="12"/>
      <c r="P108" s="12" t="s">
        <v>2</v>
      </c>
      <c r="Q108" s="18" t="s">
        <v>4</v>
      </c>
      <c r="R108" s="18" t="s">
        <v>4</v>
      </c>
      <c r="S108" s="18" t="s">
        <v>4</v>
      </c>
      <c r="T108" s="18" t="s">
        <v>4</v>
      </c>
      <c r="U108" s="18" t="s">
        <v>4</v>
      </c>
      <c r="V108" s="18" t="s">
        <v>4</v>
      </c>
      <c r="W108" s="18" t="s">
        <v>4</v>
      </c>
      <c r="X108" s="18" t="s">
        <v>4</v>
      </c>
      <c r="Y108" s="18" t="s">
        <v>4</v>
      </c>
      <c r="Z108" s="18" t="s">
        <v>4</v>
      </c>
      <c r="AA108" s="18" t="s">
        <v>4</v>
      </c>
      <c r="AB108" s="18" t="s">
        <v>4</v>
      </c>
      <c r="AC108" s="18" t="s">
        <v>4</v>
      </c>
      <c r="AD108" s="18" t="s">
        <v>4</v>
      </c>
      <c r="AE108" s="18" t="s">
        <v>4</v>
      </c>
      <c r="AF108" s="18" t="s">
        <v>4</v>
      </c>
      <c r="AG108" s="18" t="s">
        <v>4</v>
      </c>
      <c r="AH108" s="18" t="s">
        <v>4</v>
      </c>
      <c r="AI108" s="18" t="s">
        <v>4</v>
      </c>
      <c r="AJ108" s="18" t="s">
        <v>4</v>
      </c>
      <c r="AK108" s="18" t="s">
        <v>4</v>
      </c>
      <c r="AL108" s="18" t="s">
        <v>4</v>
      </c>
      <c r="AM108" s="18" t="s">
        <v>4</v>
      </c>
      <c r="AN108" s="18" t="s">
        <v>4</v>
      </c>
      <c r="AO108" s="18" t="s">
        <v>684</v>
      </c>
      <c r="AP108" s="18" t="s">
        <v>583</v>
      </c>
      <c r="AQ108" s="18" t="s">
        <v>583</v>
      </c>
      <c r="AR108" s="18" t="s">
        <v>583</v>
      </c>
      <c r="AS108" s="23"/>
      <c r="AT108" s="14"/>
      <c r="AU108" s="14"/>
      <c r="AV108" s="14"/>
      <c r="AW108" s="14"/>
      <c r="AX108" s="14"/>
    </row>
    <row r="109" spans="1:50" s="15" customFormat="1" ht="42.75" customHeight="1" x14ac:dyDescent="0.65">
      <c r="A109" s="7" t="s">
        <v>574</v>
      </c>
      <c r="B109" s="17" t="s">
        <v>542</v>
      </c>
      <c r="C109" s="17" t="s">
        <v>575</v>
      </c>
      <c r="D109" s="17" t="s">
        <v>576</v>
      </c>
      <c r="E109" s="7" t="s">
        <v>577</v>
      </c>
      <c r="F109" s="18" t="s">
        <v>578</v>
      </c>
      <c r="G109" s="18" t="s">
        <v>579</v>
      </c>
      <c r="H109" s="19" t="s">
        <v>548</v>
      </c>
      <c r="I109" s="18" t="s">
        <v>580</v>
      </c>
      <c r="J109" s="18" t="s">
        <v>643</v>
      </c>
      <c r="K109" s="20" t="s">
        <v>0</v>
      </c>
      <c r="L109" s="21" t="s">
        <v>686</v>
      </c>
      <c r="M109" s="20" t="s">
        <v>686</v>
      </c>
      <c r="N109" s="22" t="s">
        <v>687</v>
      </c>
      <c r="O109" s="12"/>
      <c r="P109" s="12" t="s">
        <v>2</v>
      </c>
      <c r="Q109" s="18"/>
      <c r="R109" s="18"/>
      <c r="S109" s="18"/>
      <c r="T109" s="18"/>
      <c r="U109" s="18"/>
      <c r="V109" s="18"/>
      <c r="W109" s="18"/>
      <c r="X109" s="18"/>
      <c r="Y109" s="18"/>
      <c r="Z109" s="18"/>
      <c r="AA109" s="18"/>
      <c r="AB109" s="18"/>
      <c r="AC109" s="18"/>
      <c r="AD109" s="18"/>
      <c r="AE109" s="18"/>
      <c r="AF109" s="18"/>
      <c r="AG109" s="18"/>
      <c r="AH109" s="18"/>
      <c r="AI109" s="18"/>
      <c r="AJ109" s="18"/>
      <c r="AK109" s="18"/>
      <c r="AL109" s="18"/>
      <c r="AM109" s="18"/>
      <c r="AN109" s="18"/>
      <c r="AO109" s="18" t="s">
        <v>684</v>
      </c>
      <c r="AP109" s="18" t="s">
        <v>583</v>
      </c>
      <c r="AQ109" s="18" t="s">
        <v>583</v>
      </c>
      <c r="AR109" s="18" t="s">
        <v>583</v>
      </c>
      <c r="AS109" s="23"/>
      <c r="AT109" s="14"/>
      <c r="AU109" s="14"/>
      <c r="AV109" s="14"/>
      <c r="AW109" s="14"/>
      <c r="AX109" s="14"/>
    </row>
    <row r="110" spans="1:50" s="15" customFormat="1" ht="42.75" customHeight="1" x14ac:dyDescent="0.65">
      <c r="A110" s="7" t="s">
        <v>574</v>
      </c>
      <c r="B110" s="17" t="s">
        <v>542</v>
      </c>
      <c r="C110" s="17" t="s">
        <v>575</v>
      </c>
      <c r="D110" s="17" t="s">
        <v>576</v>
      </c>
      <c r="E110" s="7" t="s">
        <v>577</v>
      </c>
      <c r="F110" s="18" t="s">
        <v>578</v>
      </c>
      <c r="G110" s="18" t="s">
        <v>579</v>
      </c>
      <c r="H110" s="19" t="s">
        <v>548</v>
      </c>
      <c r="I110" s="18" t="s">
        <v>580</v>
      </c>
      <c r="J110" s="18" t="s">
        <v>643</v>
      </c>
      <c r="K110" s="20" t="s">
        <v>0</v>
      </c>
      <c r="L110" s="21" t="s">
        <v>686</v>
      </c>
      <c r="M110" s="20" t="s">
        <v>686</v>
      </c>
      <c r="N110" s="22" t="s">
        <v>688</v>
      </c>
      <c r="O110" s="12"/>
      <c r="P110" s="12" t="s">
        <v>2</v>
      </c>
      <c r="Q110" s="18"/>
      <c r="R110" s="18"/>
      <c r="S110" s="18"/>
      <c r="T110" s="18"/>
      <c r="U110" s="18"/>
      <c r="V110" s="18"/>
      <c r="W110" s="18"/>
      <c r="X110" s="18"/>
      <c r="Y110" s="18"/>
      <c r="Z110" s="18"/>
      <c r="AA110" s="18"/>
      <c r="AB110" s="18"/>
      <c r="AC110" s="18"/>
      <c r="AD110" s="18"/>
      <c r="AE110" s="18"/>
      <c r="AF110" s="18"/>
      <c r="AG110" s="18"/>
      <c r="AH110" s="18"/>
      <c r="AI110" s="18"/>
      <c r="AJ110" s="18"/>
      <c r="AK110" s="18"/>
      <c r="AL110" s="18"/>
      <c r="AM110" s="18"/>
      <c r="AN110" s="18"/>
      <c r="AO110" s="18" t="s">
        <v>684</v>
      </c>
      <c r="AP110" s="18" t="s">
        <v>583</v>
      </c>
      <c r="AQ110" s="18" t="s">
        <v>583</v>
      </c>
      <c r="AR110" s="18" t="s">
        <v>583</v>
      </c>
      <c r="AS110" s="23"/>
      <c r="AT110" s="14"/>
      <c r="AU110" s="14"/>
      <c r="AV110" s="14"/>
      <c r="AW110" s="14"/>
      <c r="AX110" s="14"/>
    </row>
    <row r="111" spans="1:50" s="15" customFormat="1" ht="42.75" customHeight="1" x14ac:dyDescent="0.65">
      <c r="A111" s="7" t="s">
        <v>574</v>
      </c>
      <c r="B111" s="17" t="s">
        <v>542</v>
      </c>
      <c r="C111" s="17" t="s">
        <v>575</v>
      </c>
      <c r="D111" s="17" t="s">
        <v>576</v>
      </c>
      <c r="E111" s="7" t="s">
        <v>577</v>
      </c>
      <c r="F111" s="18" t="s">
        <v>578</v>
      </c>
      <c r="G111" s="18" t="s">
        <v>579</v>
      </c>
      <c r="H111" s="19" t="s">
        <v>548</v>
      </c>
      <c r="I111" s="18" t="s">
        <v>580</v>
      </c>
      <c r="J111" s="18"/>
      <c r="K111" s="20" t="s">
        <v>7</v>
      </c>
      <c r="L111" s="21" t="s">
        <v>70</v>
      </c>
      <c r="M111" s="20" t="s">
        <v>689</v>
      </c>
      <c r="N111" s="22" t="s">
        <v>690</v>
      </c>
      <c r="O111" s="12"/>
      <c r="P111" s="12" t="s">
        <v>2</v>
      </c>
      <c r="Q111" s="18" t="s">
        <v>4</v>
      </c>
      <c r="R111" s="18" t="s">
        <v>4</v>
      </c>
      <c r="S111" s="18" t="s">
        <v>4</v>
      </c>
      <c r="T111" s="18" t="s">
        <v>4</v>
      </c>
      <c r="U111" s="18" t="s">
        <v>4</v>
      </c>
      <c r="V111" s="18" t="s">
        <v>4</v>
      </c>
      <c r="W111" s="18" t="s">
        <v>4</v>
      </c>
      <c r="X111" s="18" t="s">
        <v>4</v>
      </c>
      <c r="Y111" s="18" t="s">
        <v>4</v>
      </c>
      <c r="Z111" s="18" t="s">
        <v>4</v>
      </c>
      <c r="AA111" s="18" t="s">
        <v>4</v>
      </c>
      <c r="AB111" s="18" t="s">
        <v>4</v>
      </c>
      <c r="AC111" s="18" t="s">
        <v>4</v>
      </c>
      <c r="AD111" s="18" t="s">
        <v>4</v>
      </c>
      <c r="AE111" s="18" t="s">
        <v>4</v>
      </c>
      <c r="AF111" s="18" t="s">
        <v>4</v>
      </c>
      <c r="AG111" s="18" t="s">
        <v>4</v>
      </c>
      <c r="AH111" s="18" t="s">
        <v>4</v>
      </c>
      <c r="AI111" s="18" t="s">
        <v>4</v>
      </c>
      <c r="AJ111" s="18" t="s">
        <v>4</v>
      </c>
      <c r="AK111" s="18" t="s">
        <v>4</v>
      </c>
      <c r="AL111" s="18" t="s">
        <v>4</v>
      </c>
      <c r="AM111" s="18" t="s">
        <v>4</v>
      </c>
      <c r="AN111" s="18" t="s">
        <v>4</v>
      </c>
      <c r="AO111" s="18" t="s">
        <v>684</v>
      </c>
      <c r="AP111" s="18" t="s">
        <v>583</v>
      </c>
      <c r="AQ111" s="18" t="s">
        <v>583</v>
      </c>
      <c r="AR111" s="18" t="s">
        <v>583</v>
      </c>
      <c r="AS111" s="23"/>
      <c r="AT111" s="14"/>
      <c r="AU111" s="14"/>
      <c r="AV111" s="14"/>
      <c r="AW111" s="14"/>
      <c r="AX111" s="14"/>
    </row>
    <row r="112" spans="1:50" s="15" customFormat="1" ht="42.75" customHeight="1" x14ac:dyDescent="0.65">
      <c r="A112" s="7" t="s">
        <v>574</v>
      </c>
      <c r="B112" s="17" t="s">
        <v>542</v>
      </c>
      <c r="C112" s="17" t="s">
        <v>575</v>
      </c>
      <c r="D112" s="17" t="s">
        <v>576</v>
      </c>
      <c r="E112" s="7" t="s">
        <v>577</v>
      </c>
      <c r="F112" s="18" t="s">
        <v>578</v>
      </c>
      <c r="G112" s="18" t="s">
        <v>579</v>
      </c>
      <c r="H112" s="19" t="s">
        <v>548</v>
      </c>
      <c r="I112" s="18" t="s">
        <v>580</v>
      </c>
      <c r="J112" s="18"/>
      <c r="K112" s="20" t="s">
        <v>7</v>
      </c>
      <c r="L112" s="21" t="s">
        <v>70</v>
      </c>
      <c r="M112" s="20" t="s">
        <v>689</v>
      </c>
      <c r="N112" s="25" t="s">
        <v>691</v>
      </c>
      <c r="O112" s="12"/>
      <c r="P112" s="12" t="s">
        <v>2</v>
      </c>
      <c r="Q112" s="18" t="s">
        <v>4</v>
      </c>
      <c r="R112" s="18" t="s">
        <v>4</v>
      </c>
      <c r="S112" s="18" t="s">
        <v>4</v>
      </c>
      <c r="T112" s="18" t="s">
        <v>4</v>
      </c>
      <c r="U112" s="18" t="s">
        <v>4</v>
      </c>
      <c r="V112" s="18" t="s">
        <v>4</v>
      </c>
      <c r="W112" s="18" t="s">
        <v>4</v>
      </c>
      <c r="X112" s="18" t="s">
        <v>4</v>
      </c>
      <c r="Y112" s="18" t="s">
        <v>4</v>
      </c>
      <c r="Z112" s="18" t="s">
        <v>4</v>
      </c>
      <c r="AA112" s="18" t="s">
        <v>4</v>
      </c>
      <c r="AB112" s="18" t="s">
        <v>4</v>
      </c>
      <c r="AC112" s="18" t="s">
        <v>4</v>
      </c>
      <c r="AD112" s="18" t="s">
        <v>4</v>
      </c>
      <c r="AE112" s="18" t="s">
        <v>4</v>
      </c>
      <c r="AF112" s="18" t="s">
        <v>4</v>
      </c>
      <c r="AG112" s="18" t="s">
        <v>4</v>
      </c>
      <c r="AH112" s="18" t="s">
        <v>4</v>
      </c>
      <c r="AI112" s="18" t="s">
        <v>4</v>
      </c>
      <c r="AJ112" s="18" t="s">
        <v>4</v>
      </c>
      <c r="AK112" s="18" t="s">
        <v>4</v>
      </c>
      <c r="AL112" s="18" t="s">
        <v>4</v>
      </c>
      <c r="AM112" s="18" t="s">
        <v>4</v>
      </c>
      <c r="AN112" s="18" t="s">
        <v>4</v>
      </c>
      <c r="AO112" s="18" t="s">
        <v>684</v>
      </c>
      <c r="AP112" s="18" t="s">
        <v>583</v>
      </c>
      <c r="AQ112" s="18" t="s">
        <v>583</v>
      </c>
      <c r="AR112" s="18" t="s">
        <v>583</v>
      </c>
      <c r="AS112" s="23"/>
      <c r="AT112" s="14"/>
      <c r="AU112" s="14"/>
      <c r="AV112" s="14"/>
      <c r="AW112" s="14"/>
      <c r="AX112" s="14"/>
    </row>
    <row r="113" spans="1:50" s="15" customFormat="1" ht="42.75" customHeight="1" x14ac:dyDescent="0.65">
      <c r="A113" s="7" t="s">
        <v>574</v>
      </c>
      <c r="B113" s="17" t="s">
        <v>542</v>
      </c>
      <c r="C113" s="17" t="s">
        <v>575</v>
      </c>
      <c r="D113" s="17" t="s">
        <v>576</v>
      </c>
      <c r="E113" s="7" t="s">
        <v>577</v>
      </c>
      <c r="F113" s="18" t="s">
        <v>578</v>
      </c>
      <c r="G113" s="18" t="s">
        <v>579</v>
      </c>
      <c r="H113" s="19" t="s">
        <v>548</v>
      </c>
      <c r="I113" s="18" t="s">
        <v>580</v>
      </c>
      <c r="J113" s="18"/>
      <c r="K113" s="20" t="s">
        <v>7</v>
      </c>
      <c r="L113" s="21" t="s">
        <v>70</v>
      </c>
      <c r="M113" s="20" t="s">
        <v>689</v>
      </c>
      <c r="N113" s="22" t="s">
        <v>692</v>
      </c>
      <c r="O113" s="12"/>
      <c r="P113" s="12" t="s">
        <v>2</v>
      </c>
      <c r="Q113" s="18" t="s">
        <v>4</v>
      </c>
      <c r="R113" s="18" t="s">
        <v>4</v>
      </c>
      <c r="S113" s="18" t="s">
        <v>4</v>
      </c>
      <c r="T113" s="18" t="s">
        <v>4</v>
      </c>
      <c r="U113" s="18" t="s">
        <v>4</v>
      </c>
      <c r="V113" s="18" t="s">
        <v>4</v>
      </c>
      <c r="W113" s="18" t="s">
        <v>4</v>
      </c>
      <c r="X113" s="18" t="s">
        <v>4</v>
      </c>
      <c r="Y113" s="18" t="s">
        <v>4</v>
      </c>
      <c r="Z113" s="18" t="s">
        <v>4</v>
      </c>
      <c r="AA113" s="18" t="s">
        <v>4</v>
      </c>
      <c r="AB113" s="18" t="s">
        <v>4</v>
      </c>
      <c r="AC113" s="18" t="s">
        <v>4</v>
      </c>
      <c r="AD113" s="18" t="s">
        <v>4</v>
      </c>
      <c r="AE113" s="18" t="s">
        <v>4</v>
      </c>
      <c r="AF113" s="18" t="s">
        <v>4</v>
      </c>
      <c r="AG113" s="18" t="s">
        <v>4</v>
      </c>
      <c r="AH113" s="18" t="s">
        <v>4</v>
      </c>
      <c r="AI113" s="18" t="s">
        <v>4</v>
      </c>
      <c r="AJ113" s="18" t="s">
        <v>4</v>
      </c>
      <c r="AK113" s="18" t="s">
        <v>4</v>
      </c>
      <c r="AL113" s="18" t="s">
        <v>4</v>
      </c>
      <c r="AM113" s="18" t="s">
        <v>4</v>
      </c>
      <c r="AN113" s="18" t="s">
        <v>4</v>
      </c>
      <c r="AO113" s="18" t="s">
        <v>684</v>
      </c>
      <c r="AP113" s="18" t="s">
        <v>583</v>
      </c>
      <c r="AQ113" s="18" t="s">
        <v>583</v>
      </c>
      <c r="AR113" s="18" t="s">
        <v>583</v>
      </c>
      <c r="AS113" s="23"/>
      <c r="AT113" s="14"/>
      <c r="AU113" s="14"/>
      <c r="AV113" s="14"/>
      <c r="AW113" s="14"/>
      <c r="AX113" s="14"/>
    </row>
    <row r="114" spans="1:50" s="15" customFormat="1" ht="42.75" customHeight="1" x14ac:dyDescent="0.65">
      <c r="A114" s="7" t="s">
        <v>574</v>
      </c>
      <c r="B114" s="17" t="s">
        <v>542</v>
      </c>
      <c r="C114" s="17" t="s">
        <v>575</v>
      </c>
      <c r="D114" s="17" t="s">
        <v>576</v>
      </c>
      <c r="E114" s="7" t="s">
        <v>577</v>
      </c>
      <c r="F114" s="18" t="s">
        <v>578</v>
      </c>
      <c r="G114" s="18" t="s">
        <v>579</v>
      </c>
      <c r="H114" s="19" t="s">
        <v>548</v>
      </c>
      <c r="I114" s="18" t="s">
        <v>580</v>
      </c>
      <c r="J114" s="18"/>
      <c r="K114" s="20" t="s">
        <v>7</v>
      </c>
      <c r="L114" s="21" t="s">
        <v>70</v>
      </c>
      <c r="M114" s="20" t="s">
        <v>689</v>
      </c>
      <c r="N114" s="22" t="s">
        <v>693</v>
      </c>
      <c r="O114" s="12"/>
      <c r="P114" s="12" t="s">
        <v>2</v>
      </c>
      <c r="Q114" s="18" t="s">
        <v>4</v>
      </c>
      <c r="R114" s="18" t="s">
        <v>4</v>
      </c>
      <c r="S114" s="18" t="s">
        <v>4</v>
      </c>
      <c r="T114" s="18" t="s">
        <v>4</v>
      </c>
      <c r="U114" s="18" t="s">
        <v>4</v>
      </c>
      <c r="V114" s="18" t="s">
        <v>4</v>
      </c>
      <c r="W114" s="18" t="s">
        <v>4</v>
      </c>
      <c r="X114" s="18" t="s">
        <v>4</v>
      </c>
      <c r="Y114" s="18" t="s">
        <v>4</v>
      </c>
      <c r="Z114" s="18" t="s">
        <v>4</v>
      </c>
      <c r="AA114" s="18" t="s">
        <v>4</v>
      </c>
      <c r="AB114" s="18" t="s">
        <v>4</v>
      </c>
      <c r="AC114" s="18" t="s">
        <v>4</v>
      </c>
      <c r="AD114" s="18" t="s">
        <v>4</v>
      </c>
      <c r="AE114" s="18" t="s">
        <v>4</v>
      </c>
      <c r="AF114" s="18" t="s">
        <v>4</v>
      </c>
      <c r="AG114" s="18" t="s">
        <v>4</v>
      </c>
      <c r="AH114" s="18" t="s">
        <v>4</v>
      </c>
      <c r="AI114" s="18" t="s">
        <v>4</v>
      </c>
      <c r="AJ114" s="18" t="s">
        <v>4</v>
      </c>
      <c r="AK114" s="18" t="s">
        <v>4</v>
      </c>
      <c r="AL114" s="18" t="s">
        <v>4</v>
      </c>
      <c r="AM114" s="18" t="s">
        <v>4</v>
      </c>
      <c r="AN114" s="18" t="s">
        <v>4</v>
      </c>
      <c r="AO114" s="18" t="s">
        <v>684</v>
      </c>
      <c r="AP114" s="18" t="s">
        <v>583</v>
      </c>
      <c r="AQ114" s="18" t="s">
        <v>583</v>
      </c>
      <c r="AR114" s="18" t="s">
        <v>583</v>
      </c>
      <c r="AS114" s="23"/>
      <c r="AT114" s="14"/>
      <c r="AU114" s="14"/>
      <c r="AV114" s="14"/>
      <c r="AW114" s="14"/>
      <c r="AX114" s="14"/>
    </row>
    <row r="115" spans="1:50" s="15" customFormat="1" ht="42.75" customHeight="1" x14ac:dyDescent="0.65">
      <c r="A115" s="7" t="s">
        <v>574</v>
      </c>
      <c r="B115" s="17" t="s">
        <v>542</v>
      </c>
      <c r="C115" s="17" t="s">
        <v>575</v>
      </c>
      <c r="D115" s="17" t="s">
        <v>576</v>
      </c>
      <c r="E115" s="7" t="s">
        <v>577</v>
      </c>
      <c r="F115" s="18" t="s">
        <v>578</v>
      </c>
      <c r="G115" s="18" t="s">
        <v>579</v>
      </c>
      <c r="H115" s="19" t="s">
        <v>548</v>
      </c>
      <c r="I115" s="18" t="s">
        <v>580</v>
      </c>
      <c r="J115" s="18"/>
      <c r="K115" s="20" t="s">
        <v>7</v>
      </c>
      <c r="L115" s="21" t="s">
        <v>70</v>
      </c>
      <c r="M115" s="20" t="s">
        <v>689</v>
      </c>
      <c r="N115" s="24" t="s">
        <v>694</v>
      </c>
      <c r="O115" s="12"/>
      <c r="P115" s="12" t="s">
        <v>2</v>
      </c>
      <c r="Q115" s="18" t="s">
        <v>4</v>
      </c>
      <c r="R115" s="18" t="s">
        <v>4</v>
      </c>
      <c r="S115" s="18" t="s">
        <v>4</v>
      </c>
      <c r="T115" s="18" t="s">
        <v>4</v>
      </c>
      <c r="U115" s="18" t="s">
        <v>4</v>
      </c>
      <c r="V115" s="18" t="s">
        <v>4</v>
      </c>
      <c r="W115" s="18" t="s">
        <v>4</v>
      </c>
      <c r="X115" s="18" t="s">
        <v>4</v>
      </c>
      <c r="Y115" s="18" t="s">
        <v>4</v>
      </c>
      <c r="Z115" s="18" t="s">
        <v>4</v>
      </c>
      <c r="AA115" s="18" t="s">
        <v>4</v>
      </c>
      <c r="AB115" s="18" t="s">
        <v>4</v>
      </c>
      <c r="AC115" s="18" t="s">
        <v>4</v>
      </c>
      <c r="AD115" s="18" t="s">
        <v>4</v>
      </c>
      <c r="AE115" s="18" t="s">
        <v>4</v>
      </c>
      <c r="AF115" s="18" t="s">
        <v>4</v>
      </c>
      <c r="AG115" s="18" t="s">
        <v>4</v>
      </c>
      <c r="AH115" s="18" t="s">
        <v>4</v>
      </c>
      <c r="AI115" s="18" t="s">
        <v>4</v>
      </c>
      <c r="AJ115" s="18" t="s">
        <v>4</v>
      </c>
      <c r="AK115" s="18" t="s">
        <v>4</v>
      </c>
      <c r="AL115" s="18" t="s">
        <v>4</v>
      </c>
      <c r="AM115" s="18" t="s">
        <v>4</v>
      </c>
      <c r="AN115" s="18" t="s">
        <v>4</v>
      </c>
      <c r="AO115" s="18" t="s">
        <v>684</v>
      </c>
      <c r="AP115" s="18" t="s">
        <v>583</v>
      </c>
      <c r="AQ115" s="18" t="s">
        <v>583</v>
      </c>
      <c r="AR115" s="18" t="s">
        <v>583</v>
      </c>
      <c r="AS115" s="23"/>
      <c r="AT115" s="14"/>
      <c r="AU115" s="14"/>
      <c r="AV115" s="14"/>
      <c r="AW115" s="14"/>
      <c r="AX115" s="14"/>
    </row>
    <row r="116" spans="1:50" s="15" customFormat="1" ht="42.75" customHeight="1" x14ac:dyDescent="0.65">
      <c r="A116" s="7" t="s">
        <v>574</v>
      </c>
      <c r="B116" s="17" t="s">
        <v>542</v>
      </c>
      <c r="C116" s="17" t="s">
        <v>575</v>
      </c>
      <c r="D116" s="17" t="s">
        <v>576</v>
      </c>
      <c r="E116" s="7" t="s">
        <v>577</v>
      </c>
      <c r="F116" s="18" t="s">
        <v>578</v>
      </c>
      <c r="G116" s="18" t="s">
        <v>579</v>
      </c>
      <c r="H116" s="19" t="s">
        <v>548</v>
      </c>
      <c r="I116" s="18" t="s">
        <v>580</v>
      </c>
      <c r="J116" s="18"/>
      <c r="K116" s="20" t="s">
        <v>7</v>
      </c>
      <c r="L116" s="21" t="s">
        <v>70</v>
      </c>
      <c r="M116" s="20" t="s">
        <v>689</v>
      </c>
      <c r="N116" s="22" t="s">
        <v>695</v>
      </c>
      <c r="O116" s="12"/>
      <c r="P116" s="12" t="s">
        <v>2</v>
      </c>
      <c r="Q116" s="18" t="s">
        <v>4</v>
      </c>
      <c r="R116" s="18" t="s">
        <v>4</v>
      </c>
      <c r="S116" s="18" t="s">
        <v>4</v>
      </c>
      <c r="T116" s="18" t="s">
        <v>4</v>
      </c>
      <c r="U116" s="18" t="s">
        <v>4</v>
      </c>
      <c r="V116" s="18" t="s">
        <v>4</v>
      </c>
      <c r="W116" s="18" t="s">
        <v>4</v>
      </c>
      <c r="X116" s="18" t="s">
        <v>4</v>
      </c>
      <c r="Y116" s="18" t="s">
        <v>4</v>
      </c>
      <c r="Z116" s="18" t="s">
        <v>4</v>
      </c>
      <c r="AA116" s="18" t="s">
        <v>4</v>
      </c>
      <c r="AB116" s="18" t="s">
        <v>4</v>
      </c>
      <c r="AC116" s="18" t="s">
        <v>4</v>
      </c>
      <c r="AD116" s="18" t="s">
        <v>4</v>
      </c>
      <c r="AE116" s="18" t="s">
        <v>4</v>
      </c>
      <c r="AF116" s="18" t="s">
        <v>4</v>
      </c>
      <c r="AG116" s="18" t="s">
        <v>4</v>
      </c>
      <c r="AH116" s="18" t="s">
        <v>4</v>
      </c>
      <c r="AI116" s="18" t="s">
        <v>4</v>
      </c>
      <c r="AJ116" s="18" t="s">
        <v>4</v>
      </c>
      <c r="AK116" s="18" t="s">
        <v>4</v>
      </c>
      <c r="AL116" s="18" t="s">
        <v>4</v>
      </c>
      <c r="AM116" s="18" t="s">
        <v>4</v>
      </c>
      <c r="AN116" s="18" t="s">
        <v>4</v>
      </c>
      <c r="AO116" s="18" t="s">
        <v>684</v>
      </c>
      <c r="AP116" s="18" t="s">
        <v>583</v>
      </c>
      <c r="AQ116" s="18" t="s">
        <v>583</v>
      </c>
      <c r="AR116" s="18" t="s">
        <v>583</v>
      </c>
      <c r="AS116" s="23"/>
      <c r="AT116" s="14"/>
      <c r="AU116" s="14"/>
      <c r="AV116" s="14"/>
      <c r="AW116" s="14"/>
      <c r="AX116" s="14"/>
    </row>
    <row r="117" spans="1:50" s="15" customFormat="1" ht="42.75" customHeight="1" x14ac:dyDescent="0.65">
      <c r="A117" s="7" t="s">
        <v>574</v>
      </c>
      <c r="B117" s="17" t="s">
        <v>542</v>
      </c>
      <c r="C117" s="17" t="s">
        <v>575</v>
      </c>
      <c r="D117" s="17" t="s">
        <v>576</v>
      </c>
      <c r="E117" s="7" t="s">
        <v>577</v>
      </c>
      <c r="F117" s="18" t="s">
        <v>578</v>
      </c>
      <c r="G117" s="18" t="s">
        <v>579</v>
      </c>
      <c r="H117" s="19" t="s">
        <v>548</v>
      </c>
      <c r="I117" s="18" t="s">
        <v>580</v>
      </c>
      <c r="J117" s="18"/>
      <c r="K117" s="20" t="s">
        <v>7</v>
      </c>
      <c r="L117" s="21" t="s">
        <v>75</v>
      </c>
      <c r="M117" s="20" t="s">
        <v>12</v>
      </c>
      <c r="N117" s="22" t="s">
        <v>696</v>
      </c>
      <c r="O117" s="12"/>
      <c r="P117" s="12" t="s">
        <v>2</v>
      </c>
      <c r="Q117" s="18" t="s">
        <v>4</v>
      </c>
      <c r="R117" s="18" t="s">
        <v>4</v>
      </c>
      <c r="S117" s="18" t="s">
        <v>4</v>
      </c>
      <c r="T117" s="18" t="s">
        <v>4</v>
      </c>
      <c r="U117" s="18" t="s">
        <v>4</v>
      </c>
      <c r="V117" s="18" t="s">
        <v>4</v>
      </c>
      <c r="W117" s="18" t="s">
        <v>4</v>
      </c>
      <c r="X117" s="18" t="s">
        <v>4</v>
      </c>
      <c r="Y117" s="18" t="s">
        <v>4</v>
      </c>
      <c r="Z117" s="18" t="s">
        <v>4</v>
      </c>
      <c r="AA117" s="18" t="s">
        <v>4</v>
      </c>
      <c r="AB117" s="18" t="s">
        <v>4</v>
      </c>
      <c r="AC117" s="18" t="s">
        <v>4</v>
      </c>
      <c r="AD117" s="18" t="s">
        <v>4</v>
      </c>
      <c r="AE117" s="18" t="s">
        <v>4</v>
      </c>
      <c r="AF117" s="18" t="s">
        <v>4</v>
      </c>
      <c r="AG117" s="18" t="s">
        <v>4</v>
      </c>
      <c r="AH117" s="18" t="s">
        <v>4</v>
      </c>
      <c r="AI117" s="18" t="s">
        <v>4</v>
      </c>
      <c r="AJ117" s="18" t="s">
        <v>4</v>
      </c>
      <c r="AK117" s="18" t="s">
        <v>4</v>
      </c>
      <c r="AL117" s="18" t="s">
        <v>4</v>
      </c>
      <c r="AM117" s="18" t="s">
        <v>4</v>
      </c>
      <c r="AN117" s="18" t="s">
        <v>4</v>
      </c>
      <c r="AO117" s="18" t="s">
        <v>684</v>
      </c>
      <c r="AP117" s="18" t="s">
        <v>583</v>
      </c>
      <c r="AQ117" s="18" t="s">
        <v>583</v>
      </c>
      <c r="AR117" s="18" t="s">
        <v>583</v>
      </c>
      <c r="AS117" s="23"/>
      <c r="AT117" s="14"/>
      <c r="AU117" s="14"/>
      <c r="AV117" s="14"/>
      <c r="AW117" s="14"/>
      <c r="AX117" s="14"/>
    </row>
    <row r="118" spans="1:50" s="15" customFormat="1" ht="42.75" customHeight="1" x14ac:dyDescent="0.65">
      <c r="A118" s="7" t="s">
        <v>574</v>
      </c>
      <c r="B118" s="17" t="s">
        <v>542</v>
      </c>
      <c r="C118" s="17" t="s">
        <v>575</v>
      </c>
      <c r="D118" s="17" t="s">
        <v>576</v>
      </c>
      <c r="E118" s="7" t="s">
        <v>577</v>
      </c>
      <c r="F118" s="18" t="s">
        <v>578</v>
      </c>
      <c r="G118" s="18" t="s">
        <v>579</v>
      </c>
      <c r="H118" s="19" t="s">
        <v>548</v>
      </c>
      <c r="I118" s="18" t="s">
        <v>580</v>
      </c>
      <c r="J118" s="18" t="s">
        <v>550</v>
      </c>
      <c r="K118" s="20" t="s">
        <v>7</v>
      </c>
      <c r="L118" s="21" t="s">
        <v>697</v>
      </c>
      <c r="M118" s="20" t="s">
        <v>698</v>
      </c>
      <c r="N118" s="22" t="s">
        <v>699</v>
      </c>
      <c r="O118" s="12"/>
      <c r="P118" s="12" t="s">
        <v>2</v>
      </c>
      <c r="Q118" s="18" t="s">
        <v>4</v>
      </c>
      <c r="R118" s="18" t="s">
        <v>4</v>
      </c>
      <c r="S118" s="18" t="s">
        <v>4</v>
      </c>
      <c r="T118" s="18" t="s">
        <v>4</v>
      </c>
      <c r="U118" s="18" t="s">
        <v>4</v>
      </c>
      <c r="V118" s="18" t="s">
        <v>4</v>
      </c>
      <c r="W118" s="18" t="s">
        <v>4</v>
      </c>
      <c r="X118" s="18" t="s">
        <v>4</v>
      </c>
      <c r="Y118" s="18" t="s">
        <v>4</v>
      </c>
      <c r="Z118" s="18" t="s">
        <v>4</v>
      </c>
      <c r="AA118" s="18" t="s">
        <v>4</v>
      </c>
      <c r="AB118" s="18" t="s">
        <v>4</v>
      </c>
      <c r="AC118" s="18" t="s">
        <v>4</v>
      </c>
      <c r="AD118" s="18" t="s">
        <v>4</v>
      </c>
      <c r="AE118" s="18" t="s">
        <v>4</v>
      </c>
      <c r="AF118" s="18" t="s">
        <v>4</v>
      </c>
      <c r="AG118" s="18" t="s">
        <v>4</v>
      </c>
      <c r="AH118" s="18" t="s">
        <v>4</v>
      </c>
      <c r="AI118" s="18" t="s">
        <v>4</v>
      </c>
      <c r="AJ118" s="18" t="s">
        <v>4</v>
      </c>
      <c r="AK118" s="18" t="s">
        <v>4</v>
      </c>
      <c r="AL118" s="18" t="s">
        <v>4</v>
      </c>
      <c r="AM118" s="18" t="s">
        <v>4</v>
      </c>
      <c r="AN118" s="18" t="s">
        <v>4</v>
      </c>
      <c r="AO118" s="18" t="s">
        <v>684</v>
      </c>
      <c r="AP118" s="18" t="s">
        <v>583</v>
      </c>
      <c r="AQ118" s="18" t="s">
        <v>583</v>
      </c>
      <c r="AR118" s="18" t="s">
        <v>583</v>
      </c>
      <c r="AS118" s="23"/>
      <c r="AT118" s="14"/>
      <c r="AU118" s="14"/>
      <c r="AV118" s="14"/>
      <c r="AW118" s="14"/>
      <c r="AX118" s="14"/>
    </row>
    <row r="119" spans="1:50" s="15" customFormat="1" ht="42.75" customHeight="1" x14ac:dyDescent="0.65">
      <c r="A119" s="7" t="s">
        <v>574</v>
      </c>
      <c r="B119" s="17" t="s">
        <v>542</v>
      </c>
      <c r="C119" s="17" t="s">
        <v>575</v>
      </c>
      <c r="D119" s="17" t="s">
        <v>576</v>
      </c>
      <c r="E119" s="7" t="s">
        <v>577</v>
      </c>
      <c r="F119" s="18" t="s">
        <v>578</v>
      </c>
      <c r="G119" s="18" t="s">
        <v>579</v>
      </c>
      <c r="H119" s="19" t="s">
        <v>548</v>
      </c>
      <c r="I119" s="18" t="s">
        <v>580</v>
      </c>
      <c r="J119" s="18"/>
      <c r="K119" s="20" t="s">
        <v>7</v>
      </c>
      <c r="L119" s="21" t="s">
        <v>70</v>
      </c>
      <c r="M119" s="20" t="s">
        <v>689</v>
      </c>
      <c r="N119" s="22" t="s">
        <v>700</v>
      </c>
      <c r="O119" s="12"/>
      <c r="P119" s="12" t="s">
        <v>2</v>
      </c>
      <c r="Q119" s="18" t="s">
        <v>4</v>
      </c>
      <c r="R119" s="18" t="s">
        <v>4</v>
      </c>
      <c r="S119" s="18" t="s">
        <v>4</v>
      </c>
      <c r="T119" s="18" t="s">
        <v>4</v>
      </c>
      <c r="U119" s="18" t="s">
        <v>4</v>
      </c>
      <c r="V119" s="18" t="s">
        <v>4</v>
      </c>
      <c r="W119" s="18" t="s">
        <v>4</v>
      </c>
      <c r="X119" s="18" t="s">
        <v>4</v>
      </c>
      <c r="Y119" s="18" t="s">
        <v>4</v>
      </c>
      <c r="Z119" s="18" t="s">
        <v>4</v>
      </c>
      <c r="AA119" s="18" t="s">
        <v>4</v>
      </c>
      <c r="AB119" s="18" t="s">
        <v>4</v>
      </c>
      <c r="AC119" s="18" t="s">
        <v>4</v>
      </c>
      <c r="AD119" s="18" t="s">
        <v>4</v>
      </c>
      <c r="AE119" s="18" t="s">
        <v>4</v>
      </c>
      <c r="AF119" s="18" t="s">
        <v>4</v>
      </c>
      <c r="AG119" s="18" t="s">
        <v>4</v>
      </c>
      <c r="AH119" s="18" t="s">
        <v>4</v>
      </c>
      <c r="AI119" s="18" t="s">
        <v>4</v>
      </c>
      <c r="AJ119" s="18" t="s">
        <v>4</v>
      </c>
      <c r="AK119" s="18" t="s">
        <v>4</v>
      </c>
      <c r="AL119" s="18" t="s">
        <v>4</v>
      </c>
      <c r="AM119" s="18" t="s">
        <v>4</v>
      </c>
      <c r="AN119" s="18" t="s">
        <v>4</v>
      </c>
      <c r="AO119" s="18" t="s">
        <v>684</v>
      </c>
      <c r="AP119" s="18" t="s">
        <v>583</v>
      </c>
      <c r="AQ119" s="18" t="s">
        <v>583</v>
      </c>
      <c r="AR119" s="18" t="s">
        <v>583</v>
      </c>
      <c r="AS119" s="23"/>
      <c r="AT119" s="14"/>
      <c r="AU119" s="14"/>
      <c r="AV119" s="14"/>
      <c r="AW119" s="14"/>
      <c r="AX119" s="14"/>
    </row>
    <row r="120" spans="1:50" s="15" customFormat="1" ht="42.75" customHeight="1" x14ac:dyDescent="0.65">
      <c r="A120" s="7" t="s">
        <v>574</v>
      </c>
      <c r="B120" s="17" t="s">
        <v>542</v>
      </c>
      <c r="C120" s="17" t="s">
        <v>575</v>
      </c>
      <c r="D120" s="17" t="s">
        <v>576</v>
      </c>
      <c r="E120" s="7" t="s">
        <v>577</v>
      </c>
      <c r="F120" s="18" t="s">
        <v>578</v>
      </c>
      <c r="G120" s="18" t="s">
        <v>579</v>
      </c>
      <c r="H120" s="19" t="s">
        <v>548</v>
      </c>
      <c r="I120" s="18" t="s">
        <v>580</v>
      </c>
      <c r="J120" s="18"/>
      <c r="K120" s="20" t="s">
        <v>7</v>
      </c>
      <c r="L120" s="21" t="s">
        <v>70</v>
      </c>
      <c r="M120" s="20" t="s">
        <v>689</v>
      </c>
      <c r="N120" s="22" t="s">
        <v>701</v>
      </c>
      <c r="O120" s="12"/>
      <c r="P120" s="12" t="s">
        <v>2</v>
      </c>
      <c r="Q120" s="18" t="s">
        <v>4</v>
      </c>
      <c r="R120" s="18" t="s">
        <v>4</v>
      </c>
      <c r="S120" s="18" t="s">
        <v>4</v>
      </c>
      <c r="T120" s="18" t="s">
        <v>4</v>
      </c>
      <c r="U120" s="18" t="s">
        <v>4</v>
      </c>
      <c r="V120" s="18" t="s">
        <v>4</v>
      </c>
      <c r="W120" s="18" t="s">
        <v>4</v>
      </c>
      <c r="X120" s="18" t="s">
        <v>4</v>
      </c>
      <c r="Y120" s="18" t="s">
        <v>4</v>
      </c>
      <c r="Z120" s="18" t="s">
        <v>4</v>
      </c>
      <c r="AA120" s="18" t="s">
        <v>4</v>
      </c>
      <c r="AB120" s="18" t="s">
        <v>4</v>
      </c>
      <c r="AC120" s="18" t="s">
        <v>4</v>
      </c>
      <c r="AD120" s="18" t="s">
        <v>4</v>
      </c>
      <c r="AE120" s="18" t="s">
        <v>4</v>
      </c>
      <c r="AF120" s="18" t="s">
        <v>4</v>
      </c>
      <c r="AG120" s="18" t="s">
        <v>4</v>
      </c>
      <c r="AH120" s="18" t="s">
        <v>4</v>
      </c>
      <c r="AI120" s="18" t="s">
        <v>4</v>
      </c>
      <c r="AJ120" s="18" t="s">
        <v>4</v>
      </c>
      <c r="AK120" s="18" t="s">
        <v>4</v>
      </c>
      <c r="AL120" s="18" t="s">
        <v>4</v>
      </c>
      <c r="AM120" s="18" t="s">
        <v>4</v>
      </c>
      <c r="AN120" s="18" t="s">
        <v>4</v>
      </c>
      <c r="AO120" s="18" t="s">
        <v>684</v>
      </c>
      <c r="AP120" s="18" t="s">
        <v>583</v>
      </c>
      <c r="AQ120" s="18" t="s">
        <v>583</v>
      </c>
      <c r="AR120" s="18" t="s">
        <v>583</v>
      </c>
      <c r="AS120" s="23"/>
      <c r="AT120" s="14"/>
      <c r="AU120" s="14"/>
      <c r="AV120" s="14"/>
      <c r="AW120" s="14"/>
      <c r="AX120" s="14"/>
    </row>
    <row r="121" spans="1:50" s="15" customFormat="1" ht="42.75" customHeight="1" x14ac:dyDescent="0.65">
      <c r="A121" s="7" t="s">
        <v>574</v>
      </c>
      <c r="B121" s="17" t="s">
        <v>542</v>
      </c>
      <c r="C121" s="17" t="s">
        <v>575</v>
      </c>
      <c r="D121" s="17" t="s">
        <v>576</v>
      </c>
      <c r="E121" s="7" t="s">
        <v>577</v>
      </c>
      <c r="F121" s="18" t="s">
        <v>578</v>
      </c>
      <c r="G121" s="18" t="s">
        <v>579</v>
      </c>
      <c r="H121" s="19" t="s">
        <v>548</v>
      </c>
      <c r="I121" s="18" t="s">
        <v>580</v>
      </c>
      <c r="J121" s="18"/>
      <c r="K121" s="20" t="s">
        <v>7</v>
      </c>
      <c r="L121" s="21" t="s">
        <v>70</v>
      </c>
      <c r="M121" s="20" t="s">
        <v>689</v>
      </c>
      <c r="N121" s="22" t="s">
        <v>702</v>
      </c>
      <c r="O121" s="12"/>
      <c r="P121" s="12" t="s">
        <v>2</v>
      </c>
      <c r="Q121" s="18" t="s">
        <v>4</v>
      </c>
      <c r="R121" s="18" t="s">
        <v>4</v>
      </c>
      <c r="S121" s="18" t="s">
        <v>4</v>
      </c>
      <c r="T121" s="18" t="s">
        <v>4</v>
      </c>
      <c r="U121" s="18" t="s">
        <v>4</v>
      </c>
      <c r="V121" s="18" t="s">
        <v>4</v>
      </c>
      <c r="W121" s="18" t="s">
        <v>4</v>
      </c>
      <c r="X121" s="18" t="s">
        <v>4</v>
      </c>
      <c r="Y121" s="18" t="s">
        <v>4</v>
      </c>
      <c r="Z121" s="18" t="s">
        <v>4</v>
      </c>
      <c r="AA121" s="18" t="s">
        <v>4</v>
      </c>
      <c r="AB121" s="18" t="s">
        <v>4</v>
      </c>
      <c r="AC121" s="18" t="s">
        <v>4</v>
      </c>
      <c r="AD121" s="18" t="s">
        <v>4</v>
      </c>
      <c r="AE121" s="18" t="s">
        <v>4</v>
      </c>
      <c r="AF121" s="18" t="s">
        <v>4</v>
      </c>
      <c r="AG121" s="18" t="s">
        <v>4</v>
      </c>
      <c r="AH121" s="18" t="s">
        <v>4</v>
      </c>
      <c r="AI121" s="18" t="s">
        <v>4</v>
      </c>
      <c r="AJ121" s="18" t="s">
        <v>4</v>
      </c>
      <c r="AK121" s="18" t="s">
        <v>4</v>
      </c>
      <c r="AL121" s="18" t="s">
        <v>4</v>
      </c>
      <c r="AM121" s="18" t="s">
        <v>4</v>
      </c>
      <c r="AN121" s="18" t="s">
        <v>4</v>
      </c>
      <c r="AO121" s="18" t="s">
        <v>684</v>
      </c>
      <c r="AP121" s="18" t="s">
        <v>583</v>
      </c>
      <c r="AQ121" s="18" t="s">
        <v>583</v>
      </c>
      <c r="AR121" s="18" t="s">
        <v>583</v>
      </c>
      <c r="AS121" s="23"/>
      <c r="AT121" s="14"/>
      <c r="AU121" s="14"/>
      <c r="AV121" s="14"/>
      <c r="AW121" s="14"/>
      <c r="AX121" s="14"/>
    </row>
    <row r="122" spans="1:50" s="15" customFormat="1" ht="42.75" customHeight="1" x14ac:dyDescent="0.65">
      <c r="A122" s="7" t="s">
        <v>574</v>
      </c>
      <c r="B122" s="17" t="s">
        <v>542</v>
      </c>
      <c r="C122" s="17" t="s">
        <v>575</v>
      </c>
      <c r="D122" s="17" t="s">
        <v>576</v>
      </c>
      <c r="E122" s="7" t="s">
        <v>577</v>
      </c>
      <c r="F122" s="18" t="s">
        <v>578</v>
      </c>
      <c r="G122" s="18" t="s">
        <v>579</v>
      </c>
      <c r="H122" s="19" t="s">
        <v>548</v>
      </c>
      <c r="I122" s="18" t="s">
        <v>580</v>
      </c>
      <c r="J122" s="18"/>
      <c r="K122" s="20" t="s">
        <v>7</v>
      </c>
      <c r="L122" s="21" t="s">
        <v>70</v>
      </c>
      <c r="M122" s="20" t="s">
        <v>689</v>
      </c>
      <c r="N122" s="22" t="s">
        <v>703</v>
      </c>
      <c r="O122" s="12"/>
      <c r="P122" s="12" t="s">
        <v>2</v>
      </c>
      <c r="Q122" s="18" t="s">
        <v>4</v>
      </c>
      <c r="R122" s="18" t="s">
        <v>4</v>
      </c>
      <c r="S122" s="18" t="s">
        <v>4</v>
      </c>
      <c r="T122" s="18" t="s">
        <v>4</v>
      </c>
      <c r="U122" s="18" t="s">
        <v>4</v>
      </c>
      <c r="V122" s="18" t="s">
        <v>4</v>
      </c>
      <c r="W122" s="18" t="s">
        <v>4</v>
      </c>
      <c r="X122" s="18" t="s">
        <v>4</v>
      </c>
      <c r="Y122" s="18" t="s">
        <v>4</v>
      </c>
      <c r="Z122" s="18" t="s">
        <v>4</v>
      </c>
      <c r="AA122" s="18" t="s">
        <v>4</v>
      </c>
      <c r="AB122" s="18" t="s">
        <v>4</v>
      </c>
      <c r="AC122" s="18" t="s">
        <v>4</v>
      </c>
      <c r="AD122" s="18" t="s">
        <v>4</v>
      </c>
      <c r="AE122" s="18" t="s">
        <v>4</v>
      </c>
      <c r="AF122" s="18" t="s">
        <v>4</v>
      </c>
      <c r="AG122" s="18" t="s">
        <v>4</v>
      </c>
      <c r="AH122" s="18" t="s">
        <v>4</v>
      </c>
      <c r="AI122" s="18" t="s">
        <v>4</v>
      </c>
      <c r="AJ122" s="18" t="s">
        <v>4</v>
      </c>
      <c r="AK122" s="18" t="s">
        <v>4</v>
      </c>
      <c r="AL122" s="18" t="s">
        <v>4</v>
      </c>
      <c r="AM122" s="18" t="s">
        <v>4</v>
      </c>
      <c r="AN122" s="18" t="s">
        <v>4</v>
      </c>
      <c r="AO122" s="18" t="s">
        <v>684</v>
      </c>
      <c r="AP122" s="18" t="s">
        <v>583</v>
      </c>
      <c r="AQ122" s="18" t="s">
        <v>583</v>
      </c>
      <c r="AR122" s="18" t="s">
        <v>583</v>
      </c>
      <c r="AS122" s="23"/>
      <c r="AT122" s="14"/>
      <c r="AU122" s="14"/>
      <c r="AV122" s="14"/>
      <c r="AW122" s="14"/>
      <c r="AX122" s="14"/>
    </row>
    <row r="123" spans="1:50" s="15" customFormat="1" ht="42.75" customHeight="1" x14ac:dyDescent="0.65">
      <c r="A123" s="7" t="s">
        <v>574</v>
      </c>
      <c r="B123" s="17" t="s">
        <v>542</v>
      </c>
      <c r="C123" s="17" t="s">
        <v>575</v>
      </c>
      <c r="D123" s="17" t="s">
        <v>576</v>
      </c>
      <c r="E123" s="7" t="s">
        <v>577</v>
      </c>
      <c r="F123" s="18" t="s">
        <v>578</v>
      </c>
      <c r="G123" s="18" t="s">
        <v>579</v>
      </c>
      <c r="H123" s="19" t="s">
        <v>548</v>
      </c>
      <c r="I123" s="18" t="s">
        <v>580</v>
      </c>
      <c r="J123" s="18" t="s">
        <v>550</v>
      </c>
      <c r="K123" s="20" t="s">
        <v>7</v>
      </c>
      <c r="L123" s="21" t="s">
        <v>70</v>
      </c>
      <c r="M123" s="20" t="s">
        <v>16</v>
      </c>
      <c r="N123" s="22" t="s">
        <v>704</v>
      </c>
      <c r="O123" s="12"/>
      <c r="P123" s="12" t="s">
        <v>2</v>
      </c>
      <c r="Q123" s="18" t="s">
        <v>4</v>
      </c>
      <c r="R123" s="18" t="s">
        <v>4</v>
      </c>
      <c r="S123" s="18" t="s">
        <v>4</v>
      </c>
      <c r="T123" s="18" t="s">
        <v>4</v>
      </c>
      <c r="U123" s="18" t="s">
        <v>4</v>
      </c>
      <c r="V123" s="18" t="s">
        <v>4</v>
      </c>
      <c r="W123" s="18" t="s">
        <v>4</v>
      </c>
      <c r="X123" s="18" t="s">
        <v>4</v>
      </c>
      <c r="Y123" s="18" t="s">
        <v>4</v>
      </c>
      <c r="Z123" s="18" t="s">
        <v>4</v>
      </c>
      <c r="AA123" s="18" t="s">
        <v>4</v>
      </c>
      <c r="AB123" s="18" t="s">
        <v>4</v>
      </c>
      <c r="AC123" s="18" t="s">
        <v>4</v>
      </c>
      <c r="AD123" s="18" t="s">
        <v>4</v>
      </c>
      <c r="AE123" s="18" t="s">
        <v>4</v>
      </c>
      <c r="AF123" s="18" t="s">
        <v>4</v>
      </c>
      <c r="AG123" s="18" t="s">
        <v>4</v>
      </c>
      <c r="AH123" s="18" t="s">
        <v>4</v>
      </c>
      <c r="AI123" s="18" t="s">
        <v>4</v>
      </c>
      <c r="AJ123" s="18" t="s">
        <v>4</v>
      </c>
      <c r="AK123" s="18" t="s">
        <v>4</v>
      </c>
      <c r="AL123" s="18" t="s">
        <v>4</v>
      </c>
      <c r="AM123" s="18" t="s">
        <v>4</v>
      </c>
      <c r="AN123" s="18" t="s">
        <v>4</v>
      </c>
      <c r="AO123" s="18" t="s">
        <v>684</v>
      </c>
      <c r="AP123" s="18" t="s">
        <v>583</v>
      </c>
      <c r="AQ123" s="18" t="s">
        <v>583</v>
      </c>
      <c r="AR123" s="18" t="s">
        <v>583</v>
      </c>
      <c r="AS123" s="23"/>
      <c r="AT123" s="14"/>
      <c r="AU123" s="14"/>
      <c r="AV123" s="14"/>
      <c r="AW123" s="14"/>
      <c r="AX123" s="14"/>
    </row>
    <row r="124" spans="1:50" s="15" customFormat="1" ht="42.75" customHeight="1" x14ac:dyDescent="0.65">
      <c r="A124" s="7" t="s">
        <v>574</v>
      </c>
      <c r="B124" s="17" t="s">
        <v>542</v>
      </c>
      <c r="C124" s="17" t="s">
        <v>575</v>
      </c>
      <c r="D124" s="17" t="s">
        <v>576</v>
      </c>
      <c r="E124" s="7" t="s">
        <v>577</v>
      </c>
      <c r="F124" s="18" t="s">
        <v>578</v>
      </c>
      <c r="G124" s="18" t="s">
        <v>579</v>
      </c>
      <c r="H124" s="19" t="s">
        <v>548</v>
      </c>
      <c r="I124" s="18" t="s">
        <v>580</v>
      </c>
      <c r="J124" s="18"/>
      <c r="K124" s="20" t="s">
        <v>7</v>
      </c>
      <c r="L124" s="21" t="s">
        <v>70</v>
      </c>
      <c r="M124" s="20" t="s">
        <v>689</v>
      </c>
      <c r="N124" s="22" t="s">
        <v>705</v>
      </c>
      <c r="O124" s="12"/>
      <c r="P124" s="12" t="s">
        <v>2</v>
      </c>
      <c r="Q124" s="18" t="s">
        <v>4</v>
      </c>
      <c r="R124" s="18" t="s">
        <v>4</v>
      </c>
      <c r="S124" s="18" t="s">
        <v>4</v>
      </c>
      <c r="T124" s="18" t="s">
        <v>4</v>
      </c>
      <c r="U124" s="18" t="s">
        <v>4</v>
      </c>
      <c r="V124" s="18" t="s">
        <v>4</v>
      </c>
      <c r="W124" s="18" t="s">
        <v>4</v>
      </c>
      <c r="X124" s="18" t="s">
        <v>4</v>
      </c>
      <c r="Y124" s="18" t="s">
        <v>4</v>
      </c>
      <c r="Z124" s="18" t="s">
        <v>4</v>
      </c>
      <c r="AA124" s="18" t="s">
        <v>4</v>
      </c>
      <c r="AB124" s="18" t="s">
        <v>4</v>
      </c>
      <c r="AC124" s="18" t="s">
        <v>4</v>
      </c>
      <c r="AD124" s="18" t="s">
        <v>4</v>
      </c>
      <c r="AE124" s="18" t="s">
        <v>4</v>
      </c>
      <c r="AF124" s="18" t="s">
        <v>4</v>
      </c>
      <c r="AG124" s="18" t="s">
        <v>4</v>
      </c>
      <c r="AH124" s="18" t="s">
        <v>4</v>
      </c>
      <c r="AI124" s="18" t="s">
        <v>4</v>
      </c>
      <c r="AJ124" s="18" t="s">
        <v>4</v>
      </c>
      <c r="AK124" s="18" t="s">
        <v>4</v>
      </c>
      <c r="AL124" s="18" t="s">
        <v>4</v>
      </c>
      <c r="AM124" s="18" t="s">
        <v>4</v>
      </c>
      <c r="AN124" s="18" t="s">
        <v>4</v>
      </c>
      <c r="AO124" s="18" t="s">
        <v>684</v>
      </c>
      <c r="AP124" s="18" t="s">
        <v>583</v>
      </c>
      <c r="AQ124" s="18" t="s">
        <v>583</v>
      </c>
      <c r="AR124" s="18" t="s">
        <v>583</v>
      </c>
      <c r="AS124" s="23"/>
      <c r="AT124" s="14"/>
      <c r="AU124" s="14"/>
      <c r="AV124" s="14"/>
      <c r="AW124" s="14"/>
      <c r="AX124" s="14"/>
    </row>
    <row r="125" spans="1:50" s="15" customFormat="1" ht="42.75" customHeight="1" x14ac:dyDescent="0.65">
      <c r="A125" s="7" t="s">
        <v>574</v>
      </c>
      <c r="B125" s="17" t="s">
        <v>542</v>
      </c>
      <c r="C125" s="17" t="s">
        <v>575</v>
      </c>
      <c r="D125" s="17" t="s">
        <v>576</v>
      </c>
      <c r="E125" s="7" t="s">
        <v>577</v>
      </c>
      <c r="F125" s="18" t="s">
        <v>578</v>
      </c>
      <c r="G125" s="18" t="s">
        <v>579</v>
      </c>
      <c r="H125" s="19" t="s">
        <v>548</v>
      </c>
      <c r="I125" s="18" t="s">
        <v>580</v>
      </c>
      <c r="J125" s="18"/>
      <c r="K125" s="20" t="s">
        <v>7</v>
      </c>
      <c r="L125" s="21" t="s">
        <v>70</v>
      </c>
      <c r="M125" s="20" t="s">
        <v>689</v>
      </c>
      <c r="N125" s="22" t="s">
        <v>706</v>
      </c>
      <c r="O125" s="12"/>
      <c r="P125" s="12" t="s">
        <v>2</v>
      </c>
      <c r="Q125" s="18" t="s">
        <v>4</v>
      </c>
      <c r="R125" s="18" t="s">
        <v>4</v>
      </c>
      <c r="S125" s="18" t="s">
        <v>4</v>
      </c>
      <c r="T125" s="18" t="s">
        <v>4</v>
      </c>
      <c r="U125" s="18" t="s">
        <v>4</v>
      </c>
      <c r="V125" s="18" t="s">
        <v>4</v>
      </c>
      <c r="W125" s="18" t="s">
        <v>4</v>
      </c>
      <c r="X125" s="18" t="s">
        <v>4</v>
      </c>
      <c r="Y125" s="18" t="s">
        <v>4</v>
      </c>
      <c r="Z125" s="18" t="s">
        <v>4</v>
      </c>
      <c r="AA125" s="18" t="s">
        <v>4</v>
      </c>
      <c r="AB125" s="18" t="s">
        <v>4</v>
      </c>
      <c r="AC125" s="18" t="s">
        <v>4</v>
      </c>
      <c r="AD125" s="18" t="s">
        <v>4</v>
      </c>
      <c r="AE125" s="18" t="s">
        <v>4</v>
      </c>
      <c r="AF125" s="18" t="s">
        <v>4</v>
      </c>
      <c r="AG125" s="18" t="s">
        <v>4</v>
      </c>
      <c r="AH125" s="18" t="s">
        <v>4</v>
      </c>
      <c r="AI125" s="18" t="s">
        <v>4</v>
      </c>
      <c r="AJ125" s="18" t="s">
        <v>4</v>
      </c>
      <c r="AK125" s="18" t="s">
        <v>4</v>
      </c>
      <c r="AL125" s="18" t="s">
        <v>4</v>
      </c>
      <c r="AM125" s="18" t="s">
        <v>4</v>
      </c>
      <c r="AN125" s="18" t="s">
        <v>4</v>
      </c>
      <c r="AO125" s="18" t="s">
        <v>684</v>
      </c>
      <c r="AP125" s="18" t="s">
        <v>583</v>
      </c>
      <c r="AQ125" s="18" t="s">
        <v>583</v>
      </c>
      <c r="AR125" s="18" t="s">
        <v>583</v>
      </c>
      <c r="AS125" s="23"/>
      <c r="AT125" s="14"/>
      <c r="AU125" s="14"/>
      <c r="AV125" s="14"/>
      <c r="AW125" s="14"/>
      <c r="AX125" s="14"/>
    </row>
    <row r="126" spans="1:50" s="15" customFormat="1" ht="42.75" customHeight="1" x14ac:dyDescent="0.65">
      <c r="A126" s="7" t="s">
        <v>574</v>
      </c>
      <c r="B126" s="17" t="s">
        <v>542</v>
      </c>
      <c r="C126" s="17" t="s">
        <v>575</v>
      </c>
      <c r="D126" s="17" t="s">
        <v>576</v>
      </c>
      <c r="E126" s="7" t="s">
        <v>577</v>
      </c>
      <c r="F126" s="18" t="s">
        <v>578</v>
      </c>
      <c r="G126" s="18" t="s">
        <v>579</v>
      </c>
      <c r="H126" s="19" t="s">
        <v>548</v>
      </c>
      <c r="I126" s="18" t="s">
        <v>580</v>
      </c>
      <c r="J126" s="18"/>
      <c r="K126" s="20" t="s">
        <v>7</v>
      </c>
      <c r="L126" s="21" t="s">
        <v>70</v>
      </c>
      <c r="M126" s="20" t="s">
        <v>689</v>
      </c>
      <c r="N126" s="22" t="s">
        <v>707</v>
      </c>
      <c r="O126" s="12"/>
      <c r="P126" s="12" t="s">
        <v>2</v>
      </c>
      <c r="Q126" s="18" t="s">
        <v>4</v>
      </c>
      <c r="R126" s="18" t="s">
        <v>4</v>
      </c>
      <c r="S126" s="18" t="s">
        <v>4</v>
      </c>
      <c r="T126" s="18" t="s">
        <v>4</v>
      </c>
      <c r="U126" s="18" t="s">
        <v>4</v>
      </c>
      <c r="V126" s="18" t="s">
        <v>4</v>
      </c>
      <c r="W126" s="18" t="s">
        <v>4</v>
      </c>
      <c r="X126" s="18" t="s">
        <v>4</v>
      </c>
      <c r="Y126" s="18" t="s">
        <v>4</v>
      </c>
      <c r="Z126" s="18" t="s">
        <v>4</v>
      </c>
      <c r="AA126" s="18" t="s">
        <v>4</v>
      </c>
      <c r="AB126" s="18" t="s">
        <v>4</v>
      </c>
      <c r="AC126" s="18" t="s">
        <v>4</v>
      </c>
      <c r="AD126" s="18" t="s">
        <v>4</v>
      </c>
      <c r="AE126" s="18" t="s">
        <v>4</v>
      </c>
      <c r="AF126" s="18" t="s">
        <v>4</v>
      </c>
      <c r="AG126" s="18" t="s">
        <v>4</v>
      </c>
      <c r="AH126" s="18" t="s">
        <v>4</v>
      </c>
      <c r="AI126" s="18" t="s">
        <v>4</v>
      </c>
      <c r="AJ126" s="18" t="s">
        <v>4</v>
      </c>
      <c r="AK126" s="18" t="s">
        <v>4</v>
      </c>
      <c r="AL126" s="18" t="s">
        <v>4</v>
      </c>
      <c r="AM126" s="18" t="s">
        <v>4</v>
      </c>
      <c r="AN126" s="18" t="s">
        <v>4</v>
      </c>
      <c r="AO126" s="18" t="s">
        <v>684</v>
      </c>
      <c r="AP126" s="18" t="s">
        <v>583</v>
      </c>
      <c r="AQ126" s="18" t="s">
        <v>583</v>
      </c>
      <c r="AR126" s="18" t="s">
        <v>583</v>
      </c>
      <c r="AS126" s="23"/>
      <c r="AT126" s="14"/>
      <c r="AU126" s="14"/>
      <c r="AV126" s="14"/>
      <c r="AW126" s="14"/>
      <c r="AX126" s="14"/>
    </row>
    <row r="127" spans="1:50" s="15" customFormat="1" ht="42.75" customHeight="1" x14ac:dyDescent="0.65">
      <c r="A127" s="7" t="s">
        <v>574</v>
      </c>
      <c r="B127" s="17" t="s">
        <v>542</v>
      </c>
      <c r="C127" s="17" t="s">
        <v>575</v>
      </c>
      <c r="D127" s="17" t="s">
        <v>576</v>
      </c>
      <c r="E127" s="7" t="s">
        <v>577</v>
      </c>
      <c r="F127" s="18" t="s">
        <v>578</v>
      </c>
      <c r="G127" s="18" t="s">
        <v>579</v>
      </c>
      <c r="H127" s="19" t="s">
        <v>548</v>
      </c>
      <c r="I127" s="18" t="s">
        <v>580</v>
      </c>
      <c r="J127" s="18"/>
      <c r="K127" s="20" t="s">
        <v>7</v>
      </c>
      <c r="L127" s="21" t="s">
        <v>70</v>
      </c>
      <c r="M127" s="20" t="s">
        <v>689</v>
      </c>
      <c r="N127" s="22" t="s">
        <v>708</v>
      </c>
      <c r="O127" s="12"/>
      <c r="P127" s="12" t="s">
        <v>2</v>
      </c>
      <c r="Q127" s="18" t="s">
        <v>4</v>
      </c>
      <c r="R127" s="18" t="s">
        <v>4</v>
      </c>
      <c r="S127" s="18" t="s">
        <v>4</v>
      </c>
      <c r="T127" s="18" t="s">
        <v>4</v>
      </c>
      <c r="U127" s="18" t="s">
        <v>4</v>
      </c>
      <c r="V127" s="18" t="s">
        <v>4</v>
      </c>
      <c r="W127" s="18" t="s">
        <v>4</v>
      </c>
      <c r="X127" s="18" t="s">
        <v>4</v>
      </c>
      <c r="Y127" s="18" t="s">
        <v>4</v>
      </c>
      <c r="Z127" s="18" t="s">
        <v>4</v>
      </c>
      <c r="AA127" s="18" t="s">
        <v>4</v>
      </c>
      <c r="AB127" s="18" t="s">
        <v>4</v>
      </c>
      <c r="AC127" s="18" t="s">
        <v>4</v>
      </c>
      <c r="AD127" s="18" t="s">
        <v>4</v>
      </c>
      <c r="AE127" s="18" t="s">
        <v>4</v>
      </c>
      <c r="AF127" s="18" t="s">
        <v>4</v>
      </c>
      <c r="AG127" s="18" t="s">
        <v>4</v>
      </c>
      <c r="AH127" s="18" t="s">
        <v>4</v>
      </c>
      <c r="AI127" s="18" t="s">
        <v>4</v>
      </c>
      <c r="AJ127" s="18" t="s">
        <v>4</v>
      </c>
      <c r="AK127" s="18" t="s">
        <v>4</v>
      </c>
      <c r="AL127" s="18" t="s">
        <v>4</v>
      </c>
      <c r="AM127" s="18" t="s">
        <v>4</v>
      </c>
      <c r="AN127" s="18" t="s">
        <v>4</v>
      </c>
      <c r="AO127" s="18" t="s">
        <v>684</v>
      </c>
      <c r="AP127" s="18" t="s">
        <v>583</v>
      </c>
      <c r="AQ127" s="18" t="s">
        <v>583</v>
      </c>
      <c r="AR127" s="18" t="s">
        <v>583</v>
      </c>
      <c r="AS127" s="23"/>
      <c r="AT127" s="14"/>
      <c r="AU127" s="14"/>
      <c r="AV127" s="14"/>
      <c r="AW127" s="14"/>
      <c r="AX127" s="14"/>
    </row>
    <row r="128" spans="1:50" s="15" customFormat="1" ht="42.75" customHeight="1" x14ac:dyDescent="0.65">
      <c r="A128" s="7">
        <v>3410112084</v>
      </c>
      <c r="B128" s="6" t="s">
        <v>709</v>
      </c>
      <c r="C128" s="7" t="s">
        <v>710</v>
      </c>
      <c r="D128" s="6" t="s">
        <v>711</v>
      </c>
      <c r="E128" s="7" t="s">
        <v>712</v>
      </c>
      <c r="F128" s="26" t="s">
        <v>713</v>
      </c>
      <c r="G128" s="26" t="s">
        <v>714</v>
      </c>
      <c r="H128" s="27" t="s">
        <v>715</v>
      </c>
      <c r="I128" s="27" t="s">
        <v>716</v>
      </c>
      <c r="J128" s="20" t="s">
        <v>717</v>
      </c>
      <c r="K128" s="89" t="s">
        <v>107</v>
      </c>
      <c r="L128" s="90" t="s">
        <v>730</v>
      </c>
      <c r="M128" s="90" t="s">
        <v>731</v>
      </c>
      <c r="N128" s="24" t="s">
        <v>732</v>
      </c>
      <c r="O128" s="12" t="s">
        <v>4</v>
      </c>
      <c r="P128" s="12"/>
      <c r="Q128" s="80" t="s">
        <v>733</v>
      </c>
      <c r="R128" s="80" t="s">
        <v>733</v>
      </c>
      <c r="S128" s="80" t="s">
        <v>733</v>
      </c>
      <c r="T128" s="80" t="s">
        <v>733</v>
      </c>
      <c r="U128" s="80" t="s">
        <v>733</v>
      </c>
      <c r="V128" s="80" t="s">
        <v>733</v>
      </c>
      <c r="W128" s="80" t="s">
        <v>733</v>
      </c>
      <c r="X128" s="80" t="s">
        <v>733</v>
      </c>
      <c r="Y128" s="80" t="s">
        <v>733</v>
      </c>
      <c r="Z128" s="80" t="s">
        <v>733</v>
      </c>
      <c r="AA128" s="80" t="s">
        <v>733</v>
      </c>
      <c r="AB128" s="80" t="s">
        <v>733</v>
      </c>
      <c r="AC128" s="80" t="s">
        <v>733</v>
      </c>
      <c r="AD128" s="80" t="s">
        <v>733</v>
      </c>
      <c r="AE128" s="80" t="s">
        <v>733</v>
      </c>
      <c r="AF128" s="80" t="s">
        <v>733</v>
      </c>
      <c r="AG128" s="80" t="s">
        <v>733</v>
      </c>
      <c r="AH128" s="80" t="s">
        <v>733</v>
      </c>
      <c r="AI128" s="80" t="s">
        <v>733</v>
      </c>
      <c r="AJ128" s="80" t="s">
        <v>733</v>
      </c>
      <c r="AK128" s="80" t="s">
        <v>733</v>
      </c>
      <c r="AL128" s="80" t="s">
        <v>733</v>
      </c>
      <c r="AM128" s="80" t="s">
        <v>733</v>
      </c>
      <c r="AN128" s="80" t="s">
        <v>733</v>
      </c>
      <c r="AO128" s="12"/>
      <c r="AP128" s="12" t="s">
        <v>734</v>
      </c>
      <c r="AQ128" s="12" t="s">
        <v>734</v>
      </c>
      <c r="AR128" s="12" t="s">
        <v>734</v>
      </c>
      <c r="AS128" s="79" t="s">
        <v>735</v>
      </c>
      <c r="AT128" s="14"/>
      <c r="AU128" s="14"/>
      <c r="AV128" s="14"/>
      <c r="AW128" s="14"/>
      <c r="AX128" s="14"/>
    </row>
    <row r="129" spans="1:50" s="15" customFormat="1" ht="42.75" customHeight="1" x14ac:dyDescent="0.65">
      <c r="A129" s="7">
        <v>3410112084</v>
      </c>
      <c r="B129" s="6" t="s">
        <v>709</v>
      </c>
      <c r="C129" s="7" t="s">
        <v>710</v>
      </c>
      <c r="D129" s="6" t="s">
        <v>711</v>
      </c>
      <c r="E129" s="7" t="s">
        <v>712</v>
      </c>
      <c r="F129" s="26" t="s">
        <v>713</v>
      </c>
      <c r="G129" s="26" t="s">
        <v>714</v>
      </c>
      <c r="H129" s="27" t="s">
        <v>715</v>
      </c>
      <c r="I129" s="27" t="s">
        <v>716</v>
      </c>
      <c r="J129" s="20" t="s">
        <v>717</v>
      </c>
      <c r="K129" s="89" t="s">
        <v>7</v>
      </c>
      <c r="L129" s="90" t="s">
        <v>736</v>
      </c>
      <c r="M129" s="90" t="s">
        <v>160</v>
      </c>
      <c r="N129" s="24" t="s">
        <v>737</v>
      </c>
      <c r="O129" s="12" t="s">
        <v>4</v>
      </c>
      <c r="P129" s="12"/>
      <c r="Q129" s="80" t="s">
        <v>733</v>
      </c>
      <c r="R129" s="80" t="s">
        <v>733</v>
      </c>
      <c r="S129" s="80"/>
      <c r="T129" s="80" t="s">
        <v>733</v>
      </c>
      <c r="U129" s="80"/>
      <c r="V129" s="80"/>
      <c r="W129" s="80"/>
      <c r="X129" s="80"/>
      <c r="Y129" s="80"/>
      <c r="Z129" s="80" t="s">
        <v>733</v>
      </c>
      <c r="AA129" s="80" t="s">
        <v>733</v>
      </c>
      <c r="AB129" s="80" t="s">
        <v>733</v>
      </c>
      <c r="AC129" s="80"/>
      <c r="AD129" s="80"/>
      <c r="AE129" s="80"/>
      <c r="AF129" s="80"/>
      <c r="AG129" s="80"/>
      <c r="AH129" s="80"/>
      <c r="AI129" s="80"/>
      <c r="AJ129" s="80"/>
      <c r="AK129" s="80"/>
      <c r="AL129" s="80"/>
      <c r="AM129" s="80"/>
      <c r="AN129" s="80"/>
      <c r="AO129" s="12"/>
      <c r="AP129" s="12" t="s">
        <v>734</v>
      </c>
      <c r="AQ129" s="12" t="s">
        <v>734</v>
      </c>
      <c r="AR129" s="12" t="s">
        <v>734</v>
      </c>
      <c r="AS129" s="13"/>
      <c r="AT129" s="14"/>
      <c r="AU129" s="14"/>
      <c r="AV129" s="14"/>
      <c r="AW129" s="14"/>
      <c r="AX129" s="14"/>
    </row>
    <row r="130" spans="1:50" s="15" customFormat="1" ht="42.75" customHeight="1" x14ac:dyDescent="0.65">
      <c r="A130" s="7">
        <v>3410112084</v>
      </c>
      <c r="B130" s="6" t="s">
        <v>709</v>
      </c>
      <c r="C130" s="7" t="s">
        <v>710</v>
      </c>
      <c r="D130" s="6" t="s">
        <v>711</v>
      </c>
      <c r="E130" s="7" t="s">
        <v>712</v>
      </c>
      <c r="F130" s="26" t="s">
        <v>713</v>
      </c>
      <c r="G130" s="26" t="s">
        <v>714</v>
      </c>
      <c r="H130" s="27" t="s">
        <v>715</v>
      </c>
      <c r="I130" s="27" t="s">
        <v>716</v>
      </c>
      <c r="J130" s="20" t="s">
        <v>717</v>
      </c>
      <c r="K130" s="89" t="s">
        <v>7</v>
      </c>
      <c r="L130" s="90" t="s">
        <v>736</v>
      </c>
      <c r="M130" s="90" t="s">
        <v>160</v>
      </c>
      <c r="N130" s="24" t="s">
        <v>738</v>
      </c>
      <c r="O130" s="12" t="s">
        <v>4</v>
      </c>
      <c r="P130" s="12"/>
      <c r="Q130" s="80" t="s">
        <v>733</v>
      </c>
      <c r="R130" s="80" t="s">
        <v>733</v>
      </c>
      <c r="S130" s="80"/>
      <c r="T130" s="80" t="s">
        <v>733</v>
      </c>
      <c r="U130" s="80"/>
      <c r="V130" s="80"/>
      <c r="W130" s="80"/>
      <c r="X130" s="80"/>
      <c r="Y130" s="80"/>
      <c r="Z130" s="80"/>
      <c r="AA130" s="80"/>
      <c r="AB130" s="80"/>
      <c r="AC130" s="80"/>
      <c r="AD130" s="80"/>
      <c r="AE130" s="80"/>
      <c r="AF130" s="80"/>
      <c r="AG130" s="80"/>
      <c r="AH130" s="80"/>
      <c r="AI130" s="80"/>
      <c r="AJ130" s="80"/>
      <c r="AK130" s="80"/>
      <c r="AL130" s="80"/>
      <c r="AM130" s="80"/>
      <c r="AN130" s="80"/>
      <c r="AO130" s="12"/>
      <c r="AP130" s="12" t="s">
        <v>734</v>
      </c>
      <c r="AQ130" s="12" t="s">
        <v>734</v>
      </c>
      <c r="AR130" s="12" t="s">
        <v>734</v>
      </c>
      <c r="AS130" s="13"/>
      <c r="AT130" s="14"/>
      <c r="AU130" s="14"/>
      <c r="AV130" s="14"/>
      <c r="AW130" s="14"/>
      <c r="AX130" s="14"/>
    </row>
    <row r="131" spans="1:50" s="15" customFormat="1" ht="42.75" customHeight="1" x14ac:dyDescent="0.65">
      <c r="A131" s="7">
        <v>3410112084</v>
      </c>
      <c r="B131" s="6" t="s">
        <v>709</v>
      </c>
      <c r="C131" s="7" t="s">
        <v>710</v>
      </c>
      <c r="D131" s="6" t="s">
        <v>711</v>
      </c>
      <c r="E131" s="7" t="s">
        <v>712</v>
      </c>
      <c r="F131" s="26" t="s">
        <v>713</v>
      </c>
      <c r="G131" s="26" t="s">
        <v>714</v>
      </c>
      <c r="H131" s="27" t="s">
        <v>715</v>
      </c>
      <c r="I131" s="27" t="s">
        <v>716</v>
      </c>
      <c r="J131" s="20" t="s">
        <v>717</v>
      </c>
      <c r="K131" s="89" t="s">
        <v>7</v>
      </c>
      <c r="L131" s="90" t="s">
        <v>736</v>
      </c>
      <c r="M131" s="90" t="s">
        <v>121</v>
      </c>
      <c r="N131" s="24" t="s">
        <v>739</v>
      </c>
      <c r="O131" s="12" t="s">
        <v>4</v>
      </c>
      <c r="P131" s="12"/>
      <c r="Q131" s="80"/>
      <c r="R131" s="80"/>
      <c r="S131" s="80"/>
      <c r="T131" s="80"/>
      <c r="U131" s="80"/>
      <c r="V131" s="80"/>
      <c r="W131" s="80"/>
      <c r="X131" s="80"/>
      <c r="Y131" s="80"/>
      <c r="Z131" s="80"/>
      <c r="AA131" s="80" t="s">
        <v>733</v>
      </c>
      <c r="AB131" s="80" t="s">
        <v>733</v>
      </c>
      <c r="AC131" s="80"/>
      <c r="AD131" s="80"/>
      <c r="AE131" s="80"/>
      <c r="AF131" s="80"/>
      <c r="AG131" s="80"/>
      <c r="AH131" s="80"/>
      <c r="AI131" s="80"/>
      <c r="AJ131" s="80"/>
      <c r="AK131" s="80"/>
      <c r="AL131" s="80"/>
      <c r="AM131" s="80"/>
      <c r="AN131" s="80"/>
      <c r="AO131" s="12"/>
      <c r="AP131" s="12" t="s">
        <v>734</v>
      </c>
      <c r="AQ131" s="12" t="s">
        <v>734</v>
      </c>
      <c r="AR131" s="12" t="s">
        <v>734</v>
      </c>
      <c r="AS131" s="13"/>
      <c r="AT131" s="14"/>
      <c r="AU131" s="14"/>
      <c r="AV131" s="14"/>
      <c r="AW131" s="14"/>
      <c r="AX131" s="14"/>
    </row>
    <row r="132" spans="1:50" s="15" customFormat="1" ht="42.75" customHeight="1" x14ac:dyDescent="0.65">
      <c r="A132" s="7">
        <v>3410112084</v>
      </c>
      <c r="B132" s="6" t="s">
        <v>709</v>
      </c>
      <c r="C132" s="7" t="s">
        <v>710</v>
      </c>
      <c r="D132" s="6" t="s">
        <v>711</v>
      </c>
      <c r="E132" s="7" t="s">
        <v>712</v>
      </c>
      <c r="F132" s="26" t="s">
        <v>713</v>
      </c>
      <c r="G132" s="26" t="s">
        <v>714</v>
      </c>
      <c r="H132" s="27" t="s">
        <v>715</v>
      </c>
      <c r="I132" s="27" t="s">
        <v>716</v>
      </c>
      <c r="J132" s="20" t="s">
        <v>717</v>
      </c>
      <c r="K132" s="89" t="s">
        <v>7</v>
      </c>
      <c r="L132" s="90" t="s">
        <v>736</v>
      </c>
      <c r="M132" s="90" t="s">
        <v>121</v>
      </c>
      <c r="N132" s="24" t="s">
        <v>740</v>
      </c>
      <c r="O132" s="12" t="s">
        <v>4</v>
      </c>
      <c r="P132" s="12"/>
      <c r="Q132" s="80"/>
      <c r="R132" s="80"/>
      <c r="S132" s="80"/>
      <c r="T132" s="80"/>
      <c r="U132" s="80"/>
      <c r="V132" s="80"/>
      <c r="W132" s="80"/>
      <c r="X132" s="80"/>
      <c r="Y132" s="80"/>
      <c r="Z132" s="80"/>
      <c r="AA132" s="80" t="s">
        <v>733</v>
      </c>
      <c r="AB132" s="80" t="s">
        <v>733</v>
      </c>
      <c r="AC132" s="80"/>
      <c r="AD132" s="80"/>
      <c r="AE132" s="80"/>
      <c r="AF132" s="80"/>
      <c r="AG132" s="80"/>
      <c r="AH132" s="80"/>
      <c r="AI132" s="80"/>
      <c r="AJ132" s="80"/>
      <c r="AK132" s="80"/>
      <c r="AL132" s="80"/>
      <c r="AM132" s="80"/>
      <c r="AN132" s="80"/>
      <c r="AO132" s="12"/>
      <c r="AP132" s="12" t="s">
        <v>734</v>
      </c>
      <c r="AQ132" s="12" t="s">
        <v>734</v>
      </c>
      <c r="AR132" s="12" t="s">
        <v>734</v>
      </c>
      <c r="AS132" s="13"/>
      <c r="AT132" s="14"/>
      <c r="AU132" s="14"/>
      <c r="AV132" s="14"/>
      <c r="AW132" s="14"/>
      <c r="AX132" s="14"/>
    </row>
    <row r="133" spans="1:50" s="15" customFormat="1" ht="42.75" customHeight="1" x14ac:dyDescent="0.65">
      <c r="A133" s="8"/>
      <c r="B133" s="8" t="s">
        <v>718</v>
      </c>
      <c r="C133" s="8" t="s">
        <v>719</v>
      </c>
      <c r="D133" s="8" t="s">
        <v>720</v>
      </c>
      <c r="E133" s="7" t="s">
        <v>721</v>
      </c>
      <c r="F133" s="28" t="s">
        <v>722</v>
      </c>
      <c r="G133" s="28"/>
      <c r="H133" s="10" t="s">
        <v>723</v>
      </c>
      <c r="I133" s="28"/>
      <c r="J133" s="11" t="s">
        <v>724</v>
      </c>
      <c r="K133" s="11" t="s">
        <v>0</v>
      </c>
      <c r="L133" s="11" t="s">
        <v>1</v>
      </c>
      <c r="M133" s="11" t="s">
        <v>194</v>
      </c>
      <c r="N133" s="29" t="s">
        <v>725</v>
      </c>
      <c r="O133" s="12" t="s">
        <v>4</v>
      </c>
      <c r="P133" s="12"/>
      <c r="Q133" s="12" t="s">
        <v>66</v>
      </c>
      <c r="R133" s="12"/>
      <c r="S133" s="12"/>
      <c r="T133" s="12"/>
      <c r="U133" s="12"/>
      <c r="V133" s="12"/>
      <c r="W133" s="12"/>
      <c r="X133" s="12"/>
      <c r="Y133" s="12"/>
      <c r="Z133" s="12"/>
      <c r="AA133" s="12"/>
      <c r="AB133" s="12"/>
      <c r="AC133" s="12"/>
      <c r="AD133" s="12"/>
      <c r="AE133" s="12"/>
      <c r="AF133" s="12"/>
      <c r="AG133" s="12"/>
      <c r="AH133" s="12"/>
      <c r="AI133" s="12"/>
      <c r="AJ133" s="12"/>
      <c r="AK133" s="12"/>
      <c r="AL133" s="12"/>
      <c r="AM133" s="12"/>
      <c r="AN133" s="12"/>
      <c r="AO133" s="12"/>
      <c r="AP133" s="7" t="s">
        <v>726</v>
      </c>
      <c r="AQ133" s="7" t="s">
        <v>727</v>
      </c>
      <c r="AR133" s="7" t="s">
        <v>728</v>
      </c>
      <c r="AS133" s="7" t="s">
        <v>729</v>
      </c>
      <c r="AT133" s="14"/>
      <c r="AU133" s="14"/>
      <c r="AV133" s="14"/>
      <c r="AW133" s="14"/>
      <c r="AX133" s="14"/>
    </row>
    <row r="134" spans="1:50" s="15" customFormat="1" ht="42.75" customHeight="1" x14ac:dyDescent="0.65">
      <c r="A134" s="30"/>
      <c r="B134" s="30"/>
      <c r="C134" s="30"/>
      <c r="D134" s="30"/>
      <c r="E134" s="30"/>
      <c r="F134" s="30"/>
      <c r="G134" s="30"/>
      <c r="H134" s="30"/>
      <c r="I134" s="30"/>
      <c r="J134" s="30"/>
      <c r="K134" s="31"/>
      <c r="L134" s="31"/>
      <c r="N134" s="32"/>
      <c r="O134" s="30"/>
      <c r="P134" s="30"/>
      <c r="Q134" s="30"/>
      <c r="R134" s="30"/>
      <c r="S134" s="30"/>
      <c r="T134" s="30"/>
      <c r="U134" s="30"/>
      <c r="V134" s="30"/>
      <c r="W134" s="30"/>
      <c r="X134" s="30"/>
      <c r="Y134" s="30"/>
      <c r="Z134" s="30"/>
      <c r="AA134" s="30"/>
      <c r="AB134" s="30"/>
      <c r="AC134" s="30"/>
      <c r="AD134" s="30"/>
      <c r="AE134" s="30"/>
      <c r="AF134" s="30"/>
      <c r="AG134" s="30"/>
      <c r="AH134" s="30"/>
      <c r="AI134" s="30"/>
      <c r="AJ134" s="30"/>
      <c r="AK134" s="30"/>
      <c r="AL134" s="30"/>
      <c r="AM134" s="30"/>
      <c r="AN134" s="30"/>
      <c r="AO134" s="30"/>
      <c r="AP134" s="30"/>
      <c r="AQ134" s="30"/>
      <c r="AR134" s="30"/>
      <c r="AS134" s="30"/>
      <c r="AT134" s="14"/>
      <c r="AU134" s="14"/>
      <c r="AV134" s="14"/>
      <c r="AW134" s="14"/>
      <c r="AX134" s="14"/>
    </row>
    <row r="137" spans="1:50" ht="20.25" hidden="1" customHeight="1" x14ac:dyDescent="0.65">
      <c r="A137" s="3" t="s">
        <v>87</v>
      </c>
      <c r="B137" s="3" t="s">
        <v>88</v>
      </c>
      <c r="C137" s="3" t="s">
        <v>89</v>
      </c>
      <c r="D137" s="3" t="s">
        <v>90</v>
      </c>
      <c r="E137" s="75" t="s">
        <v>91</v>
      </c>
      <c r="F137" s="3" t="s">
        <v>84</v>
      </c>
      <c r="G137" s="3" t="s">
        <v>92</v>
      </c>
      <c r="H137" s="3" t="s">
        <v>93</v>
      </c>
      <c r="I137" s="3" t="s">
        <v>94</v>
      </c>
      <c r="J137" s="3" t="s">
        <v>95</v>
      </c>
      <c r="K137" s="1" t="s">
        <v>70</v>
      </c>
    </row>
    <row r="138" spans="1:50" ht="20.25" hidden="1" customHeight="1" x14ac:dyDescent="0.65">
      <c r="A138" s="3" t="s">
        <v>96</v>
      </c>
      <c r="B138" s="3" t="s">
        <v>97</v>
      </c>
      <c r="C138" s="3" t="s">
        <v>98</v>
      </c>
      <c r="D138" s="3" t="s">
        <v>99</v>
      </c>
      <c r="E138" s="75" t="s">
        <v>100</v>
      </c>
      <c r="F138" s="3" t="s">
        <v>101</v>
      </c>
      <c r="G138" s="3" t="s">
        <v>102</v>
      </c>
      <c r="H138" s="3" t="s">
        <v>103</v>
      </c>
      <c r="I138" s="3" t="s">
        <v>104</v>
      </c>
      <c r="J138" s="3" t="s">
        <v>105</v>
      </c>
      <c r="K138" s="1" t="s">
        <v>106</v>
      </c>
      <c r="V138" s="86" t="s">
        <v>107</v>
      </c>
      <c r="W138" s="86"/>
      <c r="X138" s="86"/>
      <c r="Y138" s="86" t="s">
        <v>108</v>
      </c>
      <c r="Z138" s="86"/>
      <c r="AA138" s="86"/>
    </row>
    <row r="139" spans="1:50" ht="20.25" hidden="1" customHeight="1" x14ac:dyDescent="0.65">
      <c r="A139" s="3" t="s">
        <v>109</v>
      </c>
      <c r="B139" s="3"/>
      <c r="C139" s="3"/>
      <c r="D139" s="3" t="s">
        <v>110</v>
      </c>
      <c r="E139" s="75" t="s">
        <v>111</v>
      </c>
      <c r="F139" s="3" t="s">
        <v>112</v>
      </c>
      <c r="G139" s="3" t="s">
        <v>113</v>
      </c>
      <c r="H139" s="3" t="s">
        <v>114</v>
      </c>
      <c r="I139" s="3" t="s">
        <v>115</v>
      </c>
      <c r="J139" s="3" t="s">
        <v>116</v>
      </c>
      <c r="K139" s="1" t="s">
        <v>117</v>
      </c>
      <c r="V139" s="87" t="s">
        <v>118</v>
      </c>
      <c r="W139" s="34" t="s">
        <v>119</v>
      </c>
      <c r="X139" s="35" t="s">
        <v>120</v>
      </c>
      <c r="Y139" s="85" t="s">
        <v>121</v>
      </c>
      <c r="Z139" s="37" t="s">
        <v>119</v>
      </c>
      <c r="AA139" s="38" t="s">
        <v>122</v>
      </c>
    </row>
    <row r="140" spans="1:50" ht="20.25" hidden="1" customHeight="1" x14ac:dyDescent="0.65">
      <c r="A140" s="3" t="s">
        <v>123</v>
      </c>
      <c r="B140" s="3"/>
      <c r="C140" s="3"/>
      <c r="D140" s="3" t="s">
        <v>124</v>
      </c>
      <c r="E140" s="75" t="s">
        <v>125</v>
      </c>
      <c r="F140" s="3" t="s">
        <v>126</v>
      </c>
      <c r="G140" s="3" t="s">
        <v>127</v>
      </c>
      <c r="H140" s="3" t="s">
        <v>128</v>
      </c>
      <c r="I140" s="3" t="s">
        <v>129</v>
      </c>
      <c r="J140" s="3" t="s">
        <v>130</v>
      </c>
      <c r="K140" s="1" t="s">
        <v>131</v>
      </c>
      <c r="V140" s="87"/>
      <c r="W140" s="39" t="s">
        <v>132</v>
      </c>
      <c r="X140" s="40" t="s">
        <v>133</v>
      </c>
      <c r="Y140" s="85"/>
      <c r="Z140" s="41" t="s">
        <v>134</v>
      </c>
      <c r="AA140" s="40" t="s">
        <v>135</v>
      </c>
    </row>
    <row r="141" spans="1:50" ht="20.25" hidden="1" customHeight="1" x14ac:dyDescent="0.65">
      <c r="A141" s="3" t="s">
        <v>136</v>
      </c>
      <c r="B141" s="3"/>
      <c r="C141" s="3"/>
      <c r="D141" s="3" t="s">
        <v>137</v>
      </c>
      <c r="E141" s="75" t="s">
        <v>138</v>
      </c>
      <c r="F141" s="3" t="s">
        <v>139</v>
      </c>
      <c r="G141" s="3" t="s">
        <v>140</v>
      </c>
      <c r="H141" s="3" t="s">
        <v>141</v>
      </c>
      <c r="I141" s="3"/>
      <c r="J141" s="3" t="s">
        <v>142</v>
      </c>
      <c r="K141" s="1" t="s">
        <v>143</v>
      </c>
      <c r="V141" s="87"/>
      <c r="W141" s="39" t="s">
        <v>144</v>
      </c>
      <c r="X141" s="40" t="s">
        <v>145</v>
      </c>
      <c r="Y141" s="85"/>
      <c r="Z141" s="41" t="s">
        <v>146</v>
      </c>
      <c r="AA141" s="40" t="s">
        <v>147</v>
      </c>
    </row>
    <row r="142" spans="1:50" ht="20.25" hidden="1" customHeight="1" x14ac:dyDescent="0.65">
      <c r="A142" s="3" t="s">
        <v>148</v>
      </c>
      <c r="B142" s="3"/>
      <c r="C142" s="3"/>
      <c r="D142" s="3" t="s">
        <v>149</v>
      </c>
      <c r="E142" s="75" t="s">
        <v>150</v>
      </c>
      <c r="F142" s="3" t="s">
        <v>151</v>
      </c>
      <c r="G142" s="3" t="s">
        <v>152</v>
      </c>
      <c r="H142" s="3" t="s">
        <v>153</v>
      </c>
      <c r="I142" s="3"/>
      <c r="J142" s="3" t="s">
        <v>154</v>
      </c>
      <c r="K142" s="1" t="s">
        <v>155</v>
      </c>
      <c r="V142" s="87"/>
      <c r="W142" s="39" t="s">
        <v>156</v>
      </c>
      <c r="X142" s="40" t="s">
        <v>157</v>
      </c>
      <c r="Y142" s="85"/>
      <c r="Z142" s="41" t="s">
        <v>156</v>
      </c>
      <c r="AA142" s="40" t="s">
        <v>158</v>
      </c>
    </row>
    <row r="143" spans="1:50" ht="20.25" hidden="1" customHeight="1" x14ac:dyDescent="0.65">
      <c r="A143" s="3" t="s">
        <v>159</v>
      </c>
      <c r="B143" s="3"/>
      <c r="C143" s="3"/>
      <c r="D143" s="3" t="s">
        <v>160</v>
      </c>
      <c r="E143" s="75" t="s">
        <v>161</v>
      </c>
      <c r="F143" s="3" t="s">
        <v>162</v>
      </c>
      <c r="G143" s="3" t="s">
        <v>163</v>
      </c>
      <c r="H143" s="3" t="s">
        <v>129</v>
      </c>
      <c r="I143" s="3"/>
      <c r="J143" s="3" t="s">
        <v>129</v>
      </c>
      <c r="K143" s="1" t="s">
        <v>164</v>
      </c>
      <c r="V143" s="87"/>
      <c r="W143" s="39" t="s">
        <v>165</v>
      </c>
      <c r="X143" s="40" t="s">
        <v>166</v>
      </c>
      <c r="Y143" s="85"/>
      <c r="Z143" s="41" t="s">
        <v>165</v>
      </c>
      <c r="AA143" s="40" t="s">
        <v>167</v>
      </c>
    </row>
    <row r="144" spans="1:50" ht="20.25" hidden="1" customHeight="1" x14ac:dyDescent="0.65">
      <c r="A144" s="3" t="s">
        <v>168</v>
      </c>
      <c r="B144" s="3"/>
      <c r="C144" s="3"/>
      <c r="D144" s="3" t="s">
        <v>169</v>
      </c>
      <c r="E144" s="75" t="s">
        <v>170</v>
      </c>
      <c r="F144" s="3" t="s">
        <v>171</v>
      </c>
      <c r="G144" s="3" t="s">
        <v>172</v>
      </c>
      <c r="H144" s="3"/>
      <c r="I144" s="3"/>
      <c r="J144" s="3"/>
      <c r="K144" s="1" t="s">
        <v>173</v>
      </c>
      <c r="V144" s="87"/>
      <c r="W144" s="39" t="s">
        <v>174</v>
      </c>
      <c r="X144" s="40" t="s">
        <v>175</v>
      </c>
      <c r="Y144" s="85"/>
      <c r="Z144" s="42" t="s">
        <v>176</v>
      </c>
      <c r="AA144" s="43" t="s">
        <v>70</v>
      </c>
    </row>
    <row r="145" spans="1:27" ht="20.25" hidden="1" customHeight="1" x14ac:dyDescent="0.65">
      <c r="A145" s="3" t="s">
        <v>177</v>
      </c>
      <c r="B145" s="3"/>
      <c r="C145" s="3"/>
      <c r="D145" s="3" t="s">
        <v>178</v>
      </c>
      <c r="E145" s="2" t="s">
        <v>179</v>
      </c>
      <c r="F145" s="1" t="s">
        <v>180</v>
      </c>
      <c r="G145" s="3" t="s">
        <v>129</v>
      </c>
      <c r="H145" s="3"/>
      <c r="I145" s="3"/>
      <c r="J145" s="3"/>
      <c r="K145" s="1" t="s">
        <v>181</v>
      </c>
      <c r="V145" s="87"/>
      <c r="W145" s="39" t="s">
        <v>182</v>
      </c>
      <c r="X145" s="40" t="s">
        <v>183</v>
      </c>
      <c r="Y145" s="36" t="s">
        <v>110</v>
      </c>
      <c r="Z145" s="44"/>
      <c r="AA145" s="45"/>
    </row>
    <row r="146" spans="1:27" ht="20.25" hidden="1" customHeight="1" x14ac:dyDescent="0.65">
      <c r="A146" s="3" t="s">
        <v>184</v>
      </c>
      <c r="B146" s="3"/>
      <c r="C146" s="3"/>
      <c r="D146" s="3" t="s">
        <v>129</v>
      </c>
      <c r="E146" s="2" t="s">
        <v>185</v>
      </c>
      <c r="F146" s="1" t="s">
        <v>186</v>
      </c>
      <c r="G146" s="3"/>
      <c r="H146" s="3"/>
      <c r="I146" s="3"/>
      <c r="J146" s="3"/>
      <c r="K146" s="1" t="s">
        <v>187</v>
      </c>
      <c r="V146" s="87"/>
      <c r="W146" s="39" t="s">
        <v>188</v>
      </c>
      <c r="X146" s="40" t="s">
        <v>189</v>
      </c>
      <c r="Y146" s="36" t="s">
        <v>124</v>
      </c>
      <c r="Z146" s="44"/>
      <c r="AA146" s="45"/>
    </row>
    <row r="147" spans="1:27" ht="20.25" hidden="1" customHeight="1" x14ac:dyDescent="0.65">
      <c r="A147" s="3" t="s">
        <v>190</v>
      </c>
      <c r="B147" s="3"/>
      <c r="C147" s="3"/>
      <c r="E147" s="2" t="s">
        <v>191</v>
      </c>
      <c r="F147" s="1" t="s">
        <v>129</v>
      </c>
      <c r="G147" s="3"/>
      <c r="H147" s="3"/>
      <c r="I147" s="3"/>
      <c r="J147" s="3"/>
      <c r="K147" s="1" t="s">
        <v>192</v>
      </c>
      <c r="V147" s="87"/>
      <c r="W147" s="39" t="s">
        <v>193</v>
      </c>
      <c r="X147" s="40" t="s">
        <v>194</v>
      </c>
      <c r="Y147" s="85" t="s">
        <v>137</v>
      </c>
      <c r="Z147" s="37" t="s">
        <v>119</v>
      </c>
      <c r="AA147" s="38" t="s">
        <v>195</v>
      </c>
    </row>
    <row r="148" spans="1:27" ht="20.25" hidden="1" customHeight="1" x14ac:dyDescent="0.65">
      <c r="A148" s="3" t="s">
        <v>196</v>
      </c>
      <c r="B148" s="3"/>
      <c r="C148" s="3"/>
      <c r="E148" s="2" t="s">
        <v>197</v>
      </c>
      <c r="G148" s="3"/>
      <c r="H148" s="3"/>
      <c r="I148" s="3"/>
      <c r="J148" s="3"/>
      <c r="K148" s="1" t="s">
        <v>198</v>
      </c>
      <c r="V148" s="87"/>
      <c r="W148" s="46" t="s">
        <v>176</v>
      </c>
      <c r="X148" s="43" t="s">
        <v>70</v>
      </c>
      <c r="Y148" s="85"/>
      <c r="Z148" s="41" t="s">
        <v>132</v>
      </c>
      <c r="AA148" s="40" t="s">
        <v>199</v>
      </c>
    </row>
    <row r="149" spans="1:27" ht="20.25" hidden="1" customHeight="1" x14ac:dyDescent="0.65">
      <c r="A149" s="3" t="s">
        <v>200</v>
      </c>
      <c r="B149" s="3"/>
      <c r="C149" s="3"/>
      <c r="E149" s="2" t="s">
        <v>201</v>
      </c>
      <c r="G149" s="3"/>
      <c r="H149" s="3"/>
      <c r="I149" s="3"/>
      <c r="J149" s="3"/>
      <c r="K149" s="1" t="s">
        <v>202</v>
      </c>
      <c r="V149" s="88" t="s">
        <v>203</v>
      </c>
      <c r="W149" s="47" t="s">
        <v>119</v>
      </c>
      <c r="X149" s="38" t="s">
        <v>204</v>
      </c>
      <c r="Y149" s="85"/>
      <c r="Z149" s="41" t="s">
        <v>146</v>
      </c>
      <c r="AA149" s="40" t="s">
        <v>205</v>
      </c>
    </row>
    <row r="150" spans="1:27" ht="20.25" hidden="1" customHeight="1" x14ac:dyDescent="0.65">
      <c r="A150" s="3" t="s">
        <v>206</v>
      </c>
      <c r="B150" s="3"/>
      <c r="C150" s="3"/>
      <c r="E150" s="2" t="s">
        <v>207</v>
      </c>
      <c r="G150" s="3"/>
      <c r="H150" s="3"/>
      <c r="I150" s="3"/>
      <c r="J150" s="3"/>
      <c r="K150" s="1" t="s">
        <v>208</v>
      </c>
      <c r="V150" s="88"/>
      <c r="W150" s="39" t="s">
        <v>132</v>
      </c>
      <c r="X150" s="40" t="s">
        <v>209</v>
      </c>
      <c r="Y150" s="85"/>
      <c r="Z150" s="42" t="s">
        <v>176</v>
      </c>
      <c r="AA150" s="43" t="s">
        <v>70</v>
      </c>
    </row>
    <row r="151" spans="1:27" ht="20.25" hidden="1" customHeight="1" x14ac:dyDescent="0.65">
      <c r="A151" s="3" t="s">
        <v>210</v>
      </c>
      <c r="B151" s="3"/>
      <c r="C151" s="3"/>
      <c r="E151" s="2" t="s">
        <v>211</v>
      </c>
      <c r="G151" s="3"/>
      <c r="H151" s="3"/>
      <c r="J151" s="3"/>
      <c r="K151" s="1" t="s">
        <v>212</v>
      </c>
      <c r="V151" s="88"/>
      <c r="W151" s="39" t="s">
        <v>144</v>
      </c>
      <c r="X151" s="40" t="s">
        <v>213</v>
      </c>
      <c r="Y151" s="36" t="s">
        <v>149</v>
      </c>
      <c r="Z151" s="44"/>
      <c r="AA151" s="45"/>
    </row>
    <row r="152" spans="1:27" ht="20.25" hidden="1" customHeight="1" x14ac:dyDescent="0.65">
      <c r="A152" s="3" t="s">
        <v>214</v>
      </c>
      <c r="B152" s="3"/>
      <c r="C152" s="3"/>
      <c r="E152" s="2" t="s">
        <v>215</v>
      </c>
      <c r="H152" s="3"/>
      <c r="J152" s="3"/>
      <c r="K152" s="1" t="s">
        <v>129</v>
      </c>
      <c r="V152" s="88"/>
      <c r="W152" s="39" t="s">
        <v>156</v>
      </c>
      <c r="X152" s="40" t="s">
        <v>216</v>
      </c>
      <c r="Y152" s="85" t="s">
        <v>160</v>
      </c>
      <c r="Z152" s="37" t="s">
        <v>119</v>
      </c>
      <c r="AA152" s="38" t="s">
        <v>217</v>
      </c>
    </row>
    <row r="153" spans="1:27" ht="20.25" hidden="1" customHeight="1" x14ac:dyDescent="0.65">
      <c r="A153" s="3" t="s">
        <v>218</v>
      </c>
      <c r="B153" s="3"/>
      <c r="C153" s="3"/>
      <c r="E153" s="2" t="s">
        <v>219</v>
      </c>
      <c r="H153" s="3"/>
      <c r="V153" s="88"/>
      <c r="W153" s="39" t="s">
        <v>165</v>
      </c>
      <c r="X153" s="40" t="s">
        <v>220</v>
      </c>
      <c r="Y153" s="85"/>
      <c r="Z153" s="41" t="s">
        <v>132</v>
      </c>
      <c r="AA153" s="40" t="s">
        <v>221</v>
      </c>
    </row>
    <row r="154" spans="1:27" ht="20.25" hidden="1" customHeight="1" x14ac:dyDescent="0.65">
      <c r="A154" s="3" t="s">
        <v>222</v>
      </c>
      <c r="B154" s="3"/>
      <c r="C154" s="3"/>
      <c r="E154" s="2" t="s">
        <v>223</v>
      </c>
      <c r="H154" s="3"/>
      <c r="V154" s="88"/>
      <c r="W154" s="39" t="s">
        <v>174</v>
      </c>
      <c r="X154" s="40" t="s">
        <v>224</v>
      </c>
      <c r="Y154" s="85"/>
      <c r="Z154" s="42" t="s">
        <v>176</v>
      </c>
      <c r="AA154" s="43" t="s">
        <v>70</v>
      </c>
    </row>
    <row r="155" spans="1:27" ht="20.25" hidden="1" customHeight="1" x14ac:dyDescent="0.65">
      <c r="E155" s="2" t="s">
        <v>225</v>
      </c>
      <c r="V155" s="88"/>
      <c r="W155" s="39" t="s">
        <v>182</v>
      </c>
      <c r="X155" s="40" t="s">
        <v>226</v>
      </c>
      <c r="Y155" s="36" t="s">
        <v>169</v>
      </c>
      <c r="Z155" s="44"/>
      <c r="AA155" s="45"/>
    </row>
    <row r="156" spans="1:27" ht="20.25" hidden="1" customHeight="1" x14ac:dyDescent="0.65">
      <c r="E156" s="2" t="s">
        <v>129</v>
      </c>
      <c r="V156" s="88"/>
      <c r="W156" s="39" t="s">
        <v>188</v>
      </c>
      <c r="X156" s="40" t="s">
        <v>227</v>
      </c>
      <c r="Y156" s="85" t="s">
        <v>178</v>
      </c>
      <c r="Z156" s="37" t="s">
        <v>119</v>
      </c>
      <c r="AA156" s="38" t="s">
        <v>228</v>
      </c>
    </row>
    <row r="157" spans="1:27" ht="20.25" hidden="1" customHeight="1" x14ac:dyDescent="0.65">
      <c r="V157" s="88"/>
      <c r="W157" s="39" t="s">
        <v>193</v>
      </c>
      <c r="X157" s="40" t="s">
        <v>229</v>
      </c>
      <c r="Y157" s="85"/>
      <c r="Z157" s="41" t="s">
        <v>134</v>
      </c>
      <c r="AA157" s="40" t="s">
        <v>230</v>
      </c>
    </row>
    <row r="158" spans="1:27" ht="20.25" hidden="1" customHeight="1" x14ac:dyDescent="0.65">
      <c r="V158" s="88"/>
      <c r="W158" s="39" t="s">
        <v>231</v>
      </c>
      <c r="X158" s="40" t="s">
        <v>232</v>
      </c>
      <c r="Y158" s="85"/>
      <c r="Z158" s="41" t="s">
        <v>144</v>
      </c>
      <c r="AA158" s="40" t="s">
        <v>233</v>
      </c>
    </row>
    <row r="159" spans="1:27" ht="20.25" hidden="1" customHeight="1" x14ac:dyDescent="0.65">
      <c r="V159" s="88"/>
      <c r="W159" s="39" t="s">
        <v>234</v>
      </c>
      <c r="X159" s="40" t="s">
        <v>235</v>
      </c>
      <c r="Y159" s="85"/>
      <c r="Z159" s="42" t="s">
        <v>176</v>
      </c>
      <c r="AA159" s="43" t="s">
        <v>70</v>
      </c>
    </row>
    <row r="160" spans="1:27" ht="20.25" hidden="1" customHeight="1" x14ac:dyDescent="0.65">
      <c r="V160" s="88"/>
      <c r="W160" s="39" t="s">
        <v>236</v>
      </c>
      <c r="X160" s="40" t="s">
        <v>237</v>
      </c>
      <c r="Y160" s="36" t="s">
        <v>129</v>
      </c>
      <c r="Z160" s="44"/>
      <c r="AA160" s="45"/>
    </row>
    <row r="161" spans="22:27" ht="20.25" hidden="1" customHeight="1" x14ac:dyDescent="0.65">
      <c r="V161" s="88"/>
      <c r="W161" s="46" t="s">
        <v>176</v>
      </c>
      <c r="X161" s="43" t="s">
        <v>70</v>
      </c>
      <c r="Y161" s="85" t="s">
        <v>100</v>
      </c>
      <c r="Z161" s="37" t="s">
        <v>119</v>
      </c>
      <c r="AA161" s="38" t="s">
        <v>238</v>
      </c>
    </row>
    <row r="162" spans="22:27" ht="20.25" hidden="1" customHeight="1" x14ac:dyDescent="0.65">
      <c r="V162" s="84" t="s">
        <v>123</v>
      </c>
      <c r="W162" s="47" t="s">
        <v>119</v>
      </c>
      <c r="X162" s="38" t="s">
        <v>239</v>
      </c>
      <c r="Y162" s="85"/>
      <c r="Z162" s="41" t="s">
        <v>132</v>
      </c>
      <c r="AA162" s="40" t="s">
        <v>240</v>
      </c>
    </row>
    <row r="163" spans="22:27" ht="20.25" hidden="1" customHeight="1" x14ac:dyDescent="0.65">
      <c r="V163" s="84"/>
      <c r="W163" s="39" t="s">
        <v>132</v>
      </c>
      <c r="X163" s="40" t="s">
        <v>241</v>
      </c>
      <c r="Y163" s="85"/>
      <c r="Z163" s="42" t="s">
        <v>176</v>
      </c>
      <c r="AA163" s="43" t="s">
        <v>70</v>
      </c>
    </row>
    <row r="164" spans="22:27" ht="20.25" hidden="1" customHeight="1" x14ac:dyDescent="0.65">
      <c r="V164" s="84"/>
      <c r="W164" s="39" t="s">
        <v>144</v>
      </c>
      <c r="X164" s="40" t="s">
        <v>242</v>
      </c>
      <c r="Y164" s="85" t="s">
        <v>111</v>
      </c>
      <c r="Z164" s="37" t="s">
        <v>119</v>
      </c>
      <c r="AA164" s="38" t="s">
        <v>243</v>
      </c>
    </row>
    <row r="165" spans="22:27" ht="20.25" hidden="1" customHeight="1" x14ac:dyDescent="0.65">
      <c r="V165" s="84"/>
      <c r="W165" s="39" t="s">
        <v>156</v>
      </c>
      <c r="X165" s="40" t="s">
        <v>244</v>
      </c>
      <c r="Y165" s="85"/>
      <c r="Z165" s="41" t="s">
        <v>132</v>
      </c>
      <c r="AA165" s="40" t="s">
        <v>245</v>
      </c>
    </row>
    <row r="166" spans="22:27" ht="20.25" hidden="1" customHeight="1" x14ac:dyDescent="0.65">
      <c r="V166" s="84"/>
      <c r="W166" s="39" t="s">
        <v>165</v>
      </c>
      <c r="X166" s="40" t="s">
        <v>246</v>
      </c>
      <c r="Y166" s="85"/>
      <c r="Z166" s="41" t="s">
        <v>146</v>
      </c>
      <c r="AA166" s="40" t="s">
        <v>247</v>
      </c>
    </row>
    <row r="167" spans="22:27" ht="20.25" hidden="1" customHeight="1" x14ac:dyDescent="0.65">
      <c r="V167" s="84"/>
      <c r="W167" s="39" t="s">
        <v>174</v>
      </c>
      <c r="X167" s="40" t="s">
        <v>248</v>
      </c>
      <c r="Y167" s="85"/>
      <c r="Z167" s="42" t="s">
        <v>176</v>
      </c>
      <c r="AA167" s="43" t="s">
        <v>70</v>
      </c>
    </row>
    <row r="168" spans="22:27" ht="20.25" hidden="1" customHeight="1" x14ac:dyDescent="0.65">
      <c r="V168" s="84"/>
      <c r="W168" s="46" t="s">
        <v>176</v>
      </c>
      <c r="X168" s="43" t="s">
        <v>70</v>
      </c>
      <c r="Y168" s="36" t="s">
        <v>125</v>
      </c>
      <c r="Z168" s="44"/>
      <c r="AA168" s="45"/>
    </row>
    <row r="169" spans="22:27" ht="20.25" hidden="1" customHeight="1" x14ac:dyDescent="0.65">
      <c r="V169" s="84" t="s">
        <v>136</v>
      </c>
      <c r="W169" s="47" t="s">
        <v>119</v>
      </c>
      <c r="X169" s="38" t="s">
        <v>249</v>
      </c>
      <c r="Y169" s="85" t="s">
        <v>138</v>
      </c>
      <c r="Z169" s="37" t="s">
        <v>119</v>
      </c>
      <c r="AA169" s="38" t="s">
        <v>250</v>
      </c>
    </row>
    <row r="170" spans="22:27" ht="20.25" hidden="1" customHeight="1" x14ac:dyDescent="0.65">
      <c r="V170" s="84"/>
      <c r="W170" s="39" t="s">
        <v>132</v>
      </c>
      <c r="X170" s="40" t="s">
        <v>251</v>
      </c>
      <c r="Y170" s="85"/>
      <c r="Z170" s="41" t="s">
        <v>134</v>
      </c>
      <c r="AA170" s="40" t="s">
        <v>252</v>
      </c>
    </row>
    <row r="171" spans="22:27" ht="20.25" hidden="1" customHeight="1" x14ac:dyDescent="0.65">
      <c r="V171" s="84"/>
      <c r="W171" s="39" t="s">
        <v>144</v>
      </c>
      <c r="X171" s="40" t="s">
        <v>253</v>
      </c>
      <c r="Y171" s="85"/>
      <c r="Z171" s="42" t="s">
        <v>176</v>
      </c>
      <c r="AA171" s="43" t="s">
        <v>70</v>
      </c>
    </row>
    <row r="172" spans="22:27" ht="20.25" hidden="1" customHeight="1" x14ac:dyDescent="0.65">
      <c r="V172" s="84"/>
      <c r="W172" s="39" t="s">
        <v>254</v>
      </c>
      <c r="X172" s="40" t="s">
        <v>255</v>
      </c>
      <c r="Y172" s="85" t="s">
        <v>150</v>
      </c>
      <c r="Z172" s="37" t="s">
        <v>119</v>
      </c>
      <c r="AA172" s="38" t="s">
        <v>256</v>
      </c>
    </row>
    <row r="173" spans="22:27" ht="20.25" hidden="1" customHeight="1" x14ac:dyDescent="0.65">
      <c r="V173" s="84"/>
      <c r="W173" s="39" t="s">
        <v>165</v>
      </c>
      <c r="X173" s="40" t="s">
        <v>257</v>
      </c>
      <c r="Y173" s="85"/>
      <c r="Z173" s="41" t="s">
        <v>134</v>
      </c>
      <c r="AA173" s="40" t="s">
        <v>258</v>
      </c>
    </row>
    <row r="174" spans="22:27" ht="20.25" hidden="1" customHeight="1" x14ac:dyDescent="0.65">
      <c r="V174" s="84"/>
      <c r="W174" s="39" t="s">
        <v>174</v>
      </c>
      <c r="X174" s="40" t="s">
        <v>259</v>
      </c>
      <c r="Y174" s="85"/>
      <c r="Z174" s="41" t="s">
        <v>144</v>
      </c>
      <c r="AA174" s="40" t="s">
        <v>260</v>
      </c>
    </row>
    <row r="175" spans="22:27" ht="20.25" hidden="1" customHeight="1" x14ac:dyDescent="0.65">
      <c r="V175" s="84"/>
      <c r="W175" s="39" t="s">
        <v>182</v>
      </c>
      <c r="X175" s="40" t="s">
        <v>261</v>
      </c>
      <c r="Y175" s="85"/>
      <c r="Z175" s="42" t="s">
        <v>176</v>
      </c>
      <c r="AA175" s="43" t="s">
        <v>70</v>
      </c>
    </row>
    <row r="176" spans="22:27" ht="20.25" hidden="1" customHeight="1" x14ac:dyDescent="0.65">
      <c r="V176" s="84"/>
      <c r="W176" s="39" t="s">
        <v>188</v>
      </c>
      <c r="X176" s="40" t="s">
        <v>262</v>
      </c>
      <c r="Y176" s="36" t="s">
        <v>161</v>
      </c>
      <c r="Z176" s="44"/>
      <c r="AA176" s="45"/>
    </row>
    <row r="177" spans="22:27" ht="20.25" hidden="1" customHeight="1" x14ac:dyDescent="0.65">
      <c r="V177" s="84"/>
      <c r="W177" s="39" t="s">
        <v>193</v>
      </c>
      <c r="X177" s="40" t="s">
        <v>263</v>
      </c>
      <c r="Y177" s="36" t="s">
        <v>170</v>
      </c>
      <c r="Z177" s="44"/>
      <c r="AA177" s="45"/>
    </row>
    <row r="178" spans="22:27" ht="20.25" hidden="1" customHeight="1" x14ac:dyDescent="0.65">
      <c r="V178" s="84"/>
      <c r="W178" s="39" t="s">
        <v>231</v>
      </c>
      <c r="X178" s="40" t="s">
        <v>68</v>
      </c>
      <c r="Y178" s="36" t="s">
        <v>179</v>
      </c>
      <c r="Z178" s="44"/>
      <c r="AA178" s="45"/>
    </row>
    <row r="179" spans="22:27" ht="20.25" hidden="1" customHeight="1" x14ac:dyDescent="0.65">
      <c r="V179" s="84"/>
      <c r="W179" s="39" t="s">
        <v>234</v>
      </c>
      <c r="X179" s="40" t="s">
        <v>264</v>
      </c>
      <c r="Y179" s="36" t="s">
        <v>185</v>
      </c>
      <c r="Z179" s="44"/>
      <c r="AA179" s="45"/>
    </row>
    <row r="180" spans="22:27" ht="20.25" hidden="1" customHeight="1" x14ac:dyDescent="0.65">
      <c r="V180" s="84"/>
      <c r="W180" s="39" t="s">
        <v>236</v>
      </c>
      <c r="X180" s="40" t="s">
        <v>265</v>
      </c>
      <c r="Y180" s="36" t="s">
        <v>191</v>
      </c>
      <c r="Z180" s="44"/>
      <c r="AA180" s="45"/>
    </row>
    <row r="181" spans="22:27" ht="20.25" hidden="1" customHeight="1" x14ac:dyDescent="0.65">
      <c r="V181" s="84"/>
      <c r="W181" s="39" t="s">
        <v>266</v>
      </c>
      <c r="X181" s="40" t="s">
        <v>267</v>
      </c>
      <c r="Y181" s="36" t="s">
        <v>197</v>
      </c>
      <c r="Z181" s="44"/>
      <c r="AA181" s="45"/>
    </row>
    <row r="182" spans="22:27" ht="20.25" hidden="1" customHeight="1" x14ac:dyDescent="0.65">
      <c r="V182" s="84"/>
      <c r="W182" s="39" t="s">
        <v>268</v>
      </c>
      <c r="X182" s="40" t="s">
        <v>269</v>
      </c>
      <c r="Y182" s="36" t="s">
        <v>201</v>
      </c>
      <c r="Z182" s="44"/>
      <c r="AA182" s="45"/>
    </row>
    <row r="183" spans="22:27" ht="20.25" hidden="1" customHeight="1" x14ac:dyDescent="0.65">
      <c r="V183" s="84"/>
      <c r="W183" s="46" t="s">
        <v>176</v>
      </c>
      <c r="X183" s="43" t="s">
        <v>70</v>
      </c>
      <c r="Y183" s="36" t="s">
        <v>207</v>
      </c>
      <c r="Z183" s="44"/>
      <c r="AA183" s="45"/>
    </row>
    <row r="184" spans="22:27" ht="20.25" hidden="1" customHeight="1" x14ac:dyDescent="0.65">
      <c r="V184" s="84" t="s">
        <v>270</v>
      </c>
      <c r="W184" s="47" t="s">
        <v>119</v>
      </c>
      <c r="X184" s="38" t="s">
        <v>271</v>
      </c>
      <c r="Y184" s="85" t="s">
        <v>211</v>
      </c>
      <c r="Z184" s="37" t="s">
        <v>119</v>
      </c>
      <c r="AA184" s="38" t="s">
        <v>272</v>
      </c>
    </row>
    <row r="185" spans="22:27" ht="20.25" hidden="1" customHeight="1" x14ac:dyDescent="0.65">
      <c r="V185" s="84"/>
      <c r="W185" s="39" t="s">
        <v>132</v>
      </c>
      <c r="X185" s="40" t="s">
        <v>273</v>
      </c>
      <c r="Y185" s="85"/>
      <c r="Z185" s="41" t="s">
        <v>134</v>
      </c>
      <c r="AA185" s="40" t="s">
        <v>274</v>
      </c>
    </row>
    <row r="186" spans="22:27" ht="20.25" hidden="1" customHeight="1" x14ac:dyDescent="0.65">
      <c r="V186" s="84"/>
      <c r="W186" s="39" t="s">
        <v>146</v>
      </c>
      <c r="X186" s="40" t="s">
        <v>275</v>
      </c>
      <c r="Y186" s="85"/>
      <c r="Z186" s="42" t="s">
        <v>176</v>
      </c>
      <c r="AA186" s="43" t="s">
        <v>70</v>
      </c>
    </row>
    <row r="187" spans="22:27" ht="20.25" hidden="1" customHeight="1" x14ac:dyDescent="0.65">
      <c r="V187" s="84"/>
      <c r="W187" s="39" t="s">
        <v>254</v>
      </c>
      <c r="X187" s="40" t="s">
        <v>276</v>
      </c>
      <c r="Y187" s="36" t="s">
        <v>215</v>
      </c>
      <c r="Z187" s="44"/>
      <c r="AA187" s="45"/>
    </row>
    <row r="188" spans="22:27" ht="20.25" hidden="1" customHeight="1" x14ac:dyDescent="0.65">
      <c r="V188" s="84"/>
      <c r="W188" s="39" t="s">
        <v>277</v>
      </c>
      <c r="X188" s="40" t="s">
        <v>278</v>
      </c>
      <c r="Y188" s="36" t="s">
        <v>219</v>
      </c>
      <c r="Z188" s="44"/>
      <c r="AA188" s="45"/>
    </row>
    <row r="189" spans="22:27" ht="20.25" hidden="1" customHeight="1" x14ac:dyDescent="0.65">
      <c r="V189" s="84"/>
      <c r="W189" s="46" t="s">
        <v>176</v>
      </c>
      <c r="X189" s="43" t="s">
        <v>70</v>
      </c>
      <c r="Y189" s="36" t="s">
        <v>223</v>
      </c>
      <c r="Z189" s="44"/>
      <c r="AA189" s="45"/>
    </row>
    <row r="190" spans="22:27" ht="20.25" hidden="1" customHeight="1" x14ac:dyDescent="0.65">
      <c r="V190" s="84" t="s">
        <v>279</v>
      </c>
      <c r="W190" s="47" t="s">
        <v>119</v>
      </c>
      <c r="X190" s="38" t="s">
        <v>280</v>
      </c>
      <c r="Y190" s="85" t="s">
        <v>225</v>
      </c>
      <c r="Z190" s="37" t="s">
        <v>119</v>
      </c>
      <c r="AA190" s="38" t="s">
        <v>281</v>
      </c>
    </row>
    <row r="191" spans="22:27" ht="20.25" hidden="1" customHeight="1" x14ac:dyDescent="0.65">
      <c r="V191" s="84"/>
      <c r="W191" s="39" t="s">
        <v>132</v>
      </c>
      <c r="X191" s="40" t="s">
        <v>282</v>
      </c>
      <c r="Y191" s="85"/>
      <c r="Z191" s="41" t="s">
        <v>134</v>
      </c>
      <c r="AA191" s="40" t="s">
        <v>283</v>
      </c>
    </row>
    <row r="192" spans="22:27" ht="20.25" hidden="1" customHeight="1" x14ac:dyDescent="0.65">
      <c r="V192" s="84"/>
      <c r="W192" s="39" t="s">
        <v>144</v>
      </c>
      <c r="X192" s="40" t="s">
        <v>284</v>
      </c>
      <c r="Y192" s="85"/>
      <c r="Z192" s="41" t="s">
        <v>144</v>
      </c>
      <c r="AA192" s="40" t="s">
        <v>285</v>
      </c>
    </row>
    <row r="193" spans="22:27" ht="20.25" hidden="1" customHeight="1" x14ac:dyDescent="0.65">
      <c r="V193" s="84"/>
      <c r="W193" s="39" t="s">
        <v>156</v>
      </c>
      <c r="X193" s="40" t="s">
        <v>286</v>
      </c>
      <c r="Y193" s="85"/>
      <c r="Z193" s="42" t="s">
        <v>176</v>
      </c>
      <c r="AA193" s="43" t="s">
        <v>70</v>
      </c>
    </row>
    <row r="194" spans="22:27" ht="20.25" hidden="1" customHeight="1" x14ac:dyDescent="0.65">
      <c r="V194" s="84"/>
      <c r="W194" s="39" t="s">
        <v>165</v>
      </c>
      <c r="X194" s="40" t="s">
        <v>287</v>
      </c>
      <c r="Y194" s="36" t="s">
        <v>129</v>
      </c>
      <c r="Z194" s="44"/>
      <c r="AA194" s="45"/>
    </row>
    <row r="195" spans="22:27" ht="20.25" hidden="1" customHeight="1" x14ac:dyDescent="0.65">
      <c r="V195" s="84"/>
      <c r="W195" s="39" t="s">
        <v>174</v>
      </c>
      <c r="X195" s="40" t="s">
        <v>288</v>
      </c>
      <c r="Y195" s="36" t="s">
        <v>289</v>
      </c>
      <c r="Z195" s="44"/>
      <c r="AA195" s="45"/>
    </row>
    <row r="196" spans="22:27" ht="20.25" hidden="1" customHeight="1" x14ac:dyDescent="0.65">
      <c r="V196" s="84"/>
      <c r="W196" s="39" t="s">
        <v>182</v>
      </c>
      <c r="X196" s="40" t="s">
        <v>290</v>
      </c>
      <c r="Y196" s="36" t="s">
        <v>291</v>
      </c>
      <c r="Z196" s="44"/>
      <c r="AA196" s="45"/>
    </row>
    <row r="197" spans="22:27" ht="20.25" hidden="1" customHeight="1" x14ac:dyDescent="0.65">
      <c r="V197" s="84"/>
      <c r="W197" s="39" t="s">
        <v>188</v>
      </c>
      <c r="X197" s="40" t="s">
        <v>292</v>
      </c>
      <c r="Y197" s="36" t="s">
        <v>293</v>
      </c>
      <c r="Z197" s="44"/>
      <c r="AA197" s="45"/>
    </row>
    <row r="198" spans="22:27" ht="20.25" hidden="1" customHeight="1" x14ac:dyDescent="0.65">
      <c r="V198" s="84"/>
      <c r="W198" s="39" t="s">
        <v>193</v>
      </c>
      <c r="X198" s="40" t="s">
        <v>294</v>
      </c>
      <c r="Y198" s="36" t="s">
        <v>295</v>
      </c>
      <c r="Z198" s="44"/>
      <c r="AA198" s="45"/>
    </row>
    <row r="199" spans="22:27" ht="20.25" hidden="1" customHeight="1" x14ac:dyDescent="0.65">
      <c r="V199" s="84"/>
      <c r="W199" s="39" t="s">
        <v>231</v>
      </c>
      <c r="X199" s="40" t="s">
        <v>296</v>
      </c>
      <c r="Y199" s="85" t="s">
        <v>297</v>
      </c>
      <c r="Z199" s="37" t="s">
        <v>119</v>
      </c>
      <c r="AA199" s="38" t="s">
        <v>298</v>
      </c>
    </row>
    <row r="200" spans="22:27" ht="20.25" hidden="1" customHeight="1" x14ac:dyDescent="0.65">
      <c r="V200" s="84"/>
      <c r="W200" s="39" t="s">
        <v>234</v>
      </c>
      <c r="X200" s="40" t="s">
        <v>299</v>
      </c>
      <c r="Y200" s="85"/>
      <c r="Z200" s="41" t="s">
        <v>134</v>
      </c>
      <c r="AA200" s="40" t="s">
        <v>300</v>
      </c>
    </row>
    <row r="201" spans="22:27" ht="20.25" hidden="1" customHeight="1" x14ac:dyDescent="0.65">
      <c r="V201" s="84"/>
      <c r="W201" s="39" t="s">
        <v>236</v>
      </c>
      <c r="X201" s="40" t="s">
        <v>301</v>
      </c>
      <c r="Y201" s="85"/>
      <c r="Z201" s="42" t="s">
        <v>176</v>
      </c>
      <c r="AA201" s="43" t="s">
        <v>70</v>
      </c>
    </row>
    <row r="202" spans="22:27" ht="20.25" hidden="1" customHeight="1" x14ac:dyDescent="0.65">
      <c r="V202" s="84"/>
      <c r="W202" s="39" t="s">
        <v>266</v>
      </c>
      <c r="X202" s="40" t="s">
        <v>302</v>
      </c>
      <c r="Y202" s="36" t="s">
        <v>303</v>
      </c>
      <c r="Z202" s="44"/>
      <c r="AA202" s="45"/>
    </row>
    <row r="203" spans="22:27" ht="20.25" hidden="1" customHeight="1" x14ac:dyDescent="0.65">
      <c r="V203" s="84"/>
      <c r="W203" s="39" t="s">
        <v>268</v>
      </c>
      <c r="X203" s="40" t="s">
        <v>304</v>
      </c>
      <c r="Y203" s="36" t="s">
        <v>129</v>
      </c>
      <c r="Z203" s="44"/>
      <c r="AA203" s="45"/>
    </row>
    <row r="204" spans="22:27" ht="20.25" hidden="1" customHeight="1" x14ac:dyDescent="0.65">
      <c r="V204" s="84"/>
      <c r="W204" s="39" t="s">
        <v>305</v>
      </c>
      <c r="X204" s="40" t="s">
        <v>306</v>
      </c>
      <c r="Y204" s="85" t="s">
        <v>307</v>
      </c>
      <c r="Z204" s="48" t="s">
        <v>119</v>
      </c>
      <c r="AA204" s="35" t="s">
        <v>308</v>
      </c>
    </row>
    <row r="205" spans="22:27" ht="20.25" hidden="1" customHeight="1" x14ac:dyDescent="0.65">
      <c r="V205" s="84"/>
      <c r="W205" s="39" t="s">
        <v>309</v>
      </c>
      <c r="X205" s="40" t="s">
        <v>310</v>
      </c>
      <c r="Y205" s="85"/>
      <c r="Z205" s="41" t="s">
        <v>134</v>
      </c>
      <c r="AA205" s="40" t="s">
        <v>311</v>
      </c>
    </row>
    <row r="206" spans="22:27" ht="20.25" hidden="1" customHeight="1" x14ac:dyDescent="0.65">
      <c r="V206" s="84"/>
      <c r="W206" s="39" t="s">
        <v>312</v>
      </c>
      <c r="X206" s="40" t="s">
        <v>313</v>
      </c>
      <c r="Y206" s="85"/>
      <c r="Z206" s="41" t="s">
        <v>144</v>
      </c>
      <c r="AA206" s="40" t="s">
        <v>314</v>
      </c>
    </row>
    <row r="207" spans="22:27" ht="20.25" hidden="1" customHeight="1" x14ac:dyDescent="0.65">
      <c r="V207" s="84"/>
      <c r="W207" s="39" t="s">
        <v>315</v>
      </c>
      <c r="X207" s="40" t="s">
        <v>316</v>
      </c>
      <c r="Y207" s="85"/>
      <c r="Z207" s="41" t="s">
        <v>156</v>
      </c>
      <c r="AA207" s="40" t="s">
        <v>317</v>
      </c>
    </row>
    <row r="208" spans="22:27" ht="20.25" hidden="1" customHeight="1" x14ac:dyDescent="0.65">
      <c r="V208" s="84"/>
      <c r="W208" s="39" t="s">
        <v>318</v>
      </c>
      <c r="X208" s="40" t="s">
        <v>319</v>
      </c>
      <c r="Y208" s="85"/>
      <c r="Z208" s="41" t="s">
        <v>165</v>
      </c>
      <c r="AA208" s="40" t="s">
        <v>320</v>
      </c>
    </row>
    <row r="209" spans="4:27" ht="20.25" hidden="1" customHeight="1" x14ac:dyDescent="0.65">
      <c r="V209" s="84"/>
      <c r="W209" s="39" t="s">
        <v>321</v>
      </c>
      <c r="X209" s="40" t="s">
        <v>322</v>
      </c>
      <c r="Y209" s="85"/>
      <c r="Z209" s="41" t="s">
        <v>174</v>
      </c>
      <c r="AA209" s="40" t="s">
        <v>323</v>
      </c>
    </row>
    <row r="210" spans="4:27" ht="20.25" hidden="1" customHeight="1" x14ac:dyDescent="0.65">
      <c r="V210" s="84"/>
      <c r="W210" s="39" t="s">
        <v>324</v>
      </c>
      <c r="X210" s="40" t="s">
        <v>325</v>
      </c>
      <c r="Y210" s="85"/>
      <c r="Z210" s="41" t="s">
        <v>182</v>
      </c>
      <c r="AA210" s="40" t="s">
        <v>326</v>
      </c>
    </row>
    <row r="211" spans="4:27" ht="20.25" hidden="1" customHeight="1" x14ac:dyDescent="0.65">
      <c r="V211" s="84"/>
      <c r="W211" s="39" t="s">
        <v>327</v>
      </c>
      <c r="X211" s="40" t="s">
        <v>328</v>
      </c>
      <c r="Y211" s="85"/>
      <c r="Z211" s="49">
        <v>99</v>
      </c>
      <c r="AA211" s="43" t="s">
        <v>70</v>
      </c>
    </row>
    <row r="212" spans="4:27" ht="20.25" hidden="1" customHeight="1" x14ac:dyDescent="0.65">
      <c r="V212" s="84"/>
      <c r="W212" s="39" t="s">
        <v>329</v>
      </c>
      <c r="X212" s="40" t="s">
        <v>330</v>
      </c>
      <c r="Y212" s="85" t="s">
        <v>331</v>
      </c>
      <c r="Z212" s="37" t="s">
        <v>119</v>
      </c>
      <c r="AA212" s="38" t="s">
        <v>332</v>
      </c>
    </row>
    <row r="213" spans="4:27" ht="20.25" hidden="1" customHeight="1" x14ac:dyDescent="0.65">
      <c r="V213" s="84"/>
      <c r="W213" s="39" t="s">
        <v>333</v>
      </c>
      <c r="X213" s="40" t="s">
        <v>334</v>
      </c>
      <c r="Y213" s="85"/>
      <c r="Z213" s="41" t="s">
        <v>134</v>
      </c>
      <c r="AA213" s="40" t="s">
        <v>335</v>
      </c>
    </row>
    <row r="214" spans="4:27" ht="20.25" hidden="1" customHeight="1" x14ac:dyDescent="0.65">
      <c r="V214" s="84"/>
      <c r="W214" s="46" t="s">
        <v>176</v>
      </c>
      <c r="X214" s="43" t="s">
        <v>70</v>
      </c>
      <c r="Y214" s="85"/>
      <c r="Z214" s="41" t="s">
        <v>146</v>
      </c>
      <c r="AA214" s="40" t="s">
        <v>336</v>
      </c>
    </row>
    <row r="215" spans="4:27" ht="20.25" hidden="1" customHeight="1" x14ac:dyDescent="0.65">
      <c r="V215" s="84" t="s">
        <v>337</v>
      </c>
      <c r="W215" s="47" t="s">
        <v>119</v>
      </c>
      <c r="X215" s="38" t="s">
        <v>338</v>
      </c>
      <c r="Y215" s="85"/>
      <c r="Z215" s="42" t="s">
        <v>176</v>
      </c>
      <c r="AA215" s="43" t="s">
        <v>70</v>
      </c>
    </row>
    <row r="216" spans="4:27" ht="20.25" hidden="1" customHeight="1" x14ac:dyDescent="0.65">
      <c r="E216" s="33"/>
      <c r="V216" s="84"/>
      <c r="W216" s="39" t="s">
        <v>132</v>
      </c>
      <c r="X216" s="40" t="s">
        <v>339</v>
      </c>
      <c r="Y216" s="36" t="s">
        <v>340</v>
      </c>
      <c r="Z216" s="44"/>
      <c r="AA216" s="45"/>
    </row>
    <row r="217" spans="4:27" ht="20.25" hidden="1" customHeight="1" x14ac:dyDescent="0.65">
      <c r="F217" s="51"/>
      <c r="V217" s="84"/>
      <c r="W217" s="39" t="s">
        <v>144</v>
      </c>
      <c r="X217" s="40" t="s">
        <v>341</v>
      </c>
      <c r="Y217" s="36" t="s">
        <v>342</v>
      </c>
      <c r="Z217" s="44"/>
      <c r="AA217" s="45"/>
    </row>
    <row r="218" spans="4:27" ht="20.25" hidden="1" customHeight="1" x14ac:dyDescent="0.65">
      <c r="F218" s="50"/>
      <c r="V218" s="84"/>
      <c r="W218" s="39" t="s">
        <v>156</v>
      </c>
      <c r="X218" s="40" t="s">
        <v>343</v>
      </c>
      <c r="Y218" s="36" t="s">
        <v>344</v>
      </c>
      <c r="Z218" s="44"/>
      <c r="AA218" s="45"/>
    </row>
    <row r="219" spans="4:27" ht="20.25" hidden="1" customHeight="1" x14ac:dyDescent="0.65">
      <c r="F219" s="2"/>
      <c r="V219" s="84"/>
      <c r="W219" s="39" t="s">
        <v>165</v>
      </c>
      <c r="X219" s="40" t="s">
        <v>345</v>
      </c>
      <c r="Y219" s="36" t="s">
        <v>129</v>
      </c>
      <c r="Z219" s="44"/>
      <c r="AA219" s="45"/>
    </row>
    <row r="220" spans="4:27" ht="20.25" hidden="1" customHeight="1" x14ac:dyDescent="0.65">
      <c r="F220" s="2"/>
      <c r="V220" s="84"/>
      <c r="W220" s="39" t="s">
        <v>174</v>
      </c>
      <c r="X220" s="40" t="s">
        <v>346</v>
      </c>
      <c r="Y220" s="85" t="s">
        <v>347</v>
      </c>
      <c r="Z220" s="37" t="s">
        <v>119</v>
      </c>
      <c r="AA220" s="38" t="s">
        <v>348</v>
      </c>
    </row>
    <row r="221" spans="4:27" ht="20.25" hidden="1" customHeight="1" x14ac:dyDescent="0.65">
      <c r="F221" s="2"/>
      <c r="V221" s="84"/>
      <c r="W221" s="39" t="s">
        <v>182</v>
      </c>
      <c r="X221" s="40" t="s">
        <v>349</v>
      </c>
      <c r="Y221" s="85"/>
      <c r="Z221" s="41" t="s">
        <v>134</v>
      </c>
      <c r="AA221" s="40" t="s">
        <v>350</v>
      </c>
    </row>
    <row r="222" spans="4:27" ht="20.25" hidden="1" customHeight="1" x14ac:dyDescent="0.65">
      <c r="F222" s="2"/>
      <c r="V222" s="84"/>
      <c r="W222" s="39" t="s">
        <v>188</v>
      </c>
      <c r="X222" s="40" t="s">
        <v>351</v>
      </c>
      <c r="Y222" s="85"/>
      <c r="Z222" s="49">
        <v>99</v>
      </c>
      <c r="AA222" s="43" t="s">
        <v>70</v>
      </c>
    </row>
    <row r="223" spans="4:27" ht="20.25" hidden="1" customHeight="1" x14ac:dyDescent="0.65">
      <c r="D223" s="50"/>
      <c r="F223" s="2"/>
      <c r="V223" s="84"/>
      <c r="W223" s="39" t="s">
        <v>193</v>
      </c>
      <c r="X223" s="40" t="s">
        <v>352</v>
      </c>
      <c r="Y223" s="85" t="s">
        <v>353</v>
      </c>
      <c r="Z223" s="37" t="s">
        <v>119</v>
      </c>
      <c r="AA223" s="38" t="s">
        <v>46</v>
      </c>
    </row>
    <row r="224" spans="4:27" ht="20.25" hidden="1" customHeight="1" x14ac:dyDescent="0.65">
      <c r="D224" s="2"/>
      <c r="F224" s="2"/>
      <c r="V224" s="84"/>
      <c r="W224" s="39" t="s">
        <v>231</v>
      </c>
      <c r="X224" s="40" t="s">
        <v>354</v>
      </c>
      <c r="Y224" s="85"/>
      <c r="Z224" s="41" t="s">
        <v>134</v>
      </c>
      <c r="AA224" s="40" t="s">
        <v>355</v>
      </c>
    </row>
    <row r="225" spans="1:47" ht="20.25" hidden="1" customHeight="1" x14ac:dyDescent="0.65">
      <c r="F225" s="2"/>
      <c r="V225" s="84"/>
      <c r="W225" s="39" t="s">
        <v>234</v>
      </c>
      <c r="X225" s="40" t="s">
        <v>356</v>
      </c>
      <c r="Y225" s="85"/>
      <c r="Z225" s="41" t="s">
        <v>144</v>
      </c>
      <c r="AA225" s="40" t="s">
        <v>357</v>
      </c>
    </row>
    <row r="226" spans="1:47" ht="20.25" hidden="1" customHeight="1" x14ac:dyDescent="0.65">
      <c r="F226" s="2"/>
      <c r="I226" s="51"/>
      <c r="K226" s="51"/>
      <c r="V226" s="84"/>
      <c r="W226" s="39" t="s">
        <v>236</v>
      </c>
      <c r="X226" s="40" t="s">
        <v>358</v>
      </c>
      <c r="Y226" s="85"/>
      <c r="Z226" s="42" t="s">
        <v>176</v>
      </c>
      <c r="AA226" s="43" t="s">
        <v>70</v>
      </c>
    </row>
    <row r="227" spans="1:47" ht="20.25" hidden="1" customHeight="1" x14ac:dyDescent="0.65">
      <c r="F227" s="2"/>
      <c r="G227" s="51"/>
      <c r="I227" s="50"/>
      <c r="K227" s="50"/>
      <c r="V227" s="84"/>
      <c r="W227" s="39" t="s">
        <v>266</v>
      </c>
      <c r="X227" s="40" t="s">
        <v>359</v>
      </c>
      <c r="Y227" s="36" t="s">
        <v>360</v>
      </c>
      <c r="Z227" s="44"/>
      <c r="AA227" s="45"/>
    </row>
    <row r="228" spans="1:47" ht="20.25" hidden="1" customHeight="1" x14ac:dyDescent="0.65">
      <c r="F228" s="2"/>
      <c r="G228" s="50"/>
      <c r="I228" s="2"/>
      <c r="J228" s="51"/>
      <c r="K228" s="2"/>
      <c r="V228" s="84"/>
      <c r="W228" s="39" t="s">
        <v>268</v>
      </c>
      <c r="X228" s="40" t="s">
        <v>361</v>
      </c>
      <c r="Y228" s="36" t="s">
        <v>362</v>
      </c>
      <c r="Z228" s="44"/>
      <c r="AA228" s="45"/>
    </row>
    <row r="229" spans="1:47" ht="20.25" hidden="1" customHeight="1" x14ac:dyDescent="0.65">
      <c r="G229" s="2"/>
      <c r="I229" s="2"/>
      <c r="J229" s="50"/>
      <c r="K229" s="2"/>
      <c r="V229" s="84"/>
      <c r="W229" s="39" t="s">
        <v>305</v>
      </c>
      <c r="X229" s="40" t="s">
        <v>363</v>
      </c>
      <c r="Y229" s="36" t="s">
        <v>364</v>
      </c>
      <c r="Z229" s="44"/>
      <c r="AA229" s="45"/>
    </row>
    <row r="230" spans="1:47" ht="20.25" hidden="1" customHeight="1" x14ac:dyDescent="0.65">
      <c r="G230" s="2"/>
      <c r="H230" s="51"/>
      <c r="I230" s="2"/>
      <c r="J230" s="2"/>
      <c r="K230" s="2"/>
      <c r="L230" s="51"/>
      <c r="M230" s="51"/>
      <c r="N230" s="51"/>
      <c r="O230" s="51"/>
      <c r="P230" s="51"/>
      <c r="Q230" s="51"/>
      <c r="R230" s="51"/>
      <c r="S230" s="51"/>
      <c r="T230" s="51"/>
      <c r="U230" s="51"/>
      <c r="V230" s="84"/>
      <c r="W230" s="39" t="s">
        <v>309</v>
      </c>
      <c r="X230" s="40" t="s">
        <v>365</v>
      </c>
      <c r="Y230" s="36" t="s">
        <v>366</v>
      </c>
      <c r="Z230" s="44"/>
      <c r="AA230" s="45"/>
    </row>
    <row r="231" spans="1:47" s="4" customFormat="1" ht="20.25" hidden="1" customHeight="1" x14ac:dyDescent="0.65">
      <c r="A231" s="50"/>
      <c r="B231" s="50"/>
      <c r="C231" s="50"/>
      <c r="D231" s="1"/>
      <c r="E231" s="2"/>
      <c r="F231" s="1"/>
      <c r="G231" s="2"/>
      <c r="H231" s="50"/>
      <c r="I231" s="2"/>
      <c r="J231" s="2"/>
      <c r="K231" s="2"/>
      <c r="L231" s="50"/>
      <c r="M231" s="50"/>
      <c r="N231" s="50"/>
      <c r="O231" s="50"/>
      <c r="P231" s="50"/>
      <c r="Q231" s="50"/>
      <c r="R231" s="50"/>
      <c r="S231" s="50"/>
      <c r="T231" s="50"/>
      <c r="U231" s="50"/>
      <c r="V231" s="84"/>
      <c r="W231" s="39" t="s">
        <v>312</v>
      </c>
      <c r="X231" s="40" t="s">
        <v>367</v>
      </c>
      <c r="Y231" s="36" t="s">
        <v>368</v>
      </c>
      <c r="Z231" s="44"/>
      <c r="AA231" s="45"/>
      <c r="AB231" s="50"/>
      <c r="AC231" s="50"/>
      <c r="AD231" s="50"/>
      <c r="AE231" s="50"/>
      <c r="AF231" s="50"/>
      <c r="AG231" s="50"/>
      <c r="AH231" s="50"/>
      <c r="AI231" s="50"/>
      <c r="AJ231" s="50"/>
      <c r="AK231" s="50"/>
      <c r="AL231" s="50"/>
      <c r="AM231" s="50"/>
      <c r="AN231" s="50"/>
      <c r="AO231" s="50" t="s">
        <v>369</v>
      </c>
      <c r="AP231" s="50"/>
      <c r="AQ231" s="50"/>
      <c r="AR231" s="50" t="s">
        <v>370</v>
      </c>
      <c r="AS231" s="50"/>
      <c r="AT231" s="50"/>
      <c r="AU231" s="50"/>
    </row>
    <row r="232" spans="1:47" ht="20.25" hidden="1" customHeight="1" x14ac:dyDescent="0.65">
      <c r="A232" s="2"/>
      <c r="B232" s="2"/>
      <c r="G232" s="2"/>
      <c r="H232" s="2"/>
      <c r="I232" s="2"/>
      <c r="J232" s="2"/>
      <c r="K232" s="2"/>
      <c r="L232" s="2"/>
      <c r="M232" s="2"/>
      <c r="O232" s="2"/>
      <c r="P232" s="2"/>
      <c r="Q232" s="2"/>
      <c r="R232" s="2"/>
      <c r="S232" s="2"/>
      <c r="T232" s="2"/>
      <c r="U232" s="2"/>
      <c r="V232" s="84"/>
      <c r="W232" s="39" t="s">
        <v>315</v>
      </c>
      <c r="X232" s="40" t="s">
        <v>371</v>
      </c>
      <c r="Y232" s="36" t="s">
        <v>129</v>
      </c>
      <c r="Z232" s="44"/>
      <c r="AA232" s="45"/>
    </row>
    <row r="233" spans="1:47" ht="20.25" hidden="1" customHeight="1" x14ac:dyDescent="0.65">
      <c r="A233" s="2"/>
      <c r="B233" s="2"/>
      <c r="C233" s="4"/>
      <c r="G233" s="2"/>
      <c r="H233" s="2"/>
      <c r="I233" s="2"/>
      <c r="J233" s="2"/>
      <c r="K233" s="2"/>
      <c r="L233" s="2"/>
      <c r="M233" s="2"/>
      <c r="O233" s="2"/>
      <c r="P233" s="2"/>
      <c r="Q233" s="2"/>
      <c r="R233" s="2"/>
      <c r="S233" s="2"/>
      <c r="T233" s="2"/>
      <c r="U233" s="2"/>
      <c r="V233" s="84"/>
      <c r="W233" s="39" t="s">
        <v>318</v>
      </c>
      <c r="X233" s="40" t="s">
        <v>372</v>
      </c>
      <c r="Y233" s="85" t="s">
        <v>101</v>
      </c>
      <c r="Z233" s="37" t="s">
        <v>119</v>
      </c>
      <c r="AA233" s="38" t="s">
        <v>373</v>
      </c>
    </row>
    <row r="234" spans="1:47" ht="20.25" hidden="1" customHeight="1" x14ac:dyDescent="0.65">
      <c r="A234" s="2"/>
      <c r="B234" s="2"/>
      <c r="C234" s="4"/>
      <c r="G234" s="2"/>
      <c r="H234" s="2"/>
      <c r="I234" s="2"/>
      <c r="J234" s="2"/>
      <c r="K234" s="2"/>
      <c r="L234" s="2"/>
      <c r="M234" s="2"/>
      <c r="O234" s="2"/>
      <c r="P234" s="2"/>
      <c r="Q234" s="2"/>
      <c r="R234" s="2"/>
      <c r="S234" s="2"/>
      <c r="T234" s="2"/>
      <c r="U234" s="2"/>
      <c r="V234" s="84"/>
      <c r="W234" s="39" t="s">
        <v>321</v>
      </c>
      <c r="X234" s="40" t="s">
        <v>374</v>
      </c>
      <c r="Y234" s="85"/>
      <c r="Z234" s="41" t="s">
        <v>134</v>
      </c>
      <c r="AA234" s="40" t="s">
        <v>375</v>
      </c>
    </row>
    <row r="235" spans="1:47" ht="20.25" hidden="1" customHeight="1" x14ac:dyDescent="0.65">
      <c r="A235" s="2"/>
      <c r="B235" s="2"/>
      <c r="C235" s="4"/>
      <c r="G235" s="2"/>
      <c r="H235" s="2"/>
      <c r="I235" s="2"/>
      <c r="J235" s="2"/>
      <c r="K235" s="2"/>
      <c r="L235" s="2"/>
      <c r="M235" s="2"/>
      <c r="O235" s="2"/>
      <c r="P235" s="2"/>
      <c r="Q235" s="2"/>
      <c r="R235" s="2"/>
      <c r="S235" s="2"/>
      <c r="T235" s="2"/>
      <c r="U235" s="2"/>
      <c r="V235" s="84"/>
      <c r="W235" s="39" t="s">
        <v>324</v>
      </c>
      <c r="X235" s="40" t="s">
        <v>376</v>
      </c>
      <c r="Y235" s="85"/>
      <c r="Z235" s="41" t="s">
        <v>144</v>
      </c>
      <c r="AA235" s="40" t="s">
        <v>377</v>
      </c>
    </row>
    <row r="236" spans="1:47" ht="20.25" hidden="1" customHeight="1" x14ac:dyDescent="0.65">
      <c r="A236" s="2"/>
      <c r="B236" s="2"/>
      <c r="C236" s="4"/>
      <c r="G236" s="2"/>
      <c r="H236" s="2"/>
      <c r="I236" s="2"/>
      <c r="K236" s="2"/>
      <c r="L236" s="2"/>
      <c r="M236" s="2"/>
      <c r="O236" s="2"/>
      <c r="P236" s="2"/>
      <c r="R236" s="2"/>
      <c r="S236" s="2"/>
      <c r="T236" s="2"/>
      <c r="V236" s="84"/>
      <c r="W236" s="39" t="s">
        <v>327</v>
      </c>
      <c r="X236" s="40" t="s">
        <v>378</v>
      </c>
      <c r="Y236" s="85"/>
      <c r="Z236" s="42" t="s">
        <v>176</v>
      </c>
      <c r="AA236" s="43" t="s">
        <v>70</v>
      </c>
    </row>
    <row r="237" spans="1:47" ht="20.25" hidden="1" customHeight="1" x14ac:dyDescent="0.65">
      <c r="A237" s="2"/>
      <c r="G237" s="2"/>
      <c r="H237" s="2"/>
      <c r="I237" s="2"/>
      <c r="K237" s="2"/>
      <c r="L237" s="2"/>
      <c r="M237" s="2"/>
      <c r="O237" s="2"/>
      <c r="P237" s="2"/>
      <c r="R237" s="2"/>
      <c r="S237" s="2"/>
      <c r="V237" s="84"/>
      <c r="W237" s="46" t="s">
        <v>176</v>
      </c>
      <c r="X237" s="43" t="s">
        <v>70</v>
      </c>
      <c r="Y237" s="36" t="s">
        <v>112</v>
      </c>
      <c r="Z237" s="44">
        <v>0</v>
      </c>
      <c r="AA237" s="45" t="s">
        <v>379</v>
      </c>
    </row>
    <row r="238" spans="1:47" ht="20.25" hidden="1" customHeight="1" x14ac:dyDescent="0.65">
      <c r="A238" s="2"/>
      <c r="G238" s="2"/>
      <c r="H238" s="2"/>
      <c r="I238" s="2"/>
      <c r="K238" s="2"/>
      <c r="L238" s="2"/>
      <c r="M238" s="2"/>
      <c r="O238" s="2"/>
      <c r="P238" s="2"/>
      <c r="R238" s="2"/>
      <c r="S238" s="2"/>
      <c r="V238" s="84" t="s">
        <v>380</v>
      </c>
      <c r="W238" s="34" t="s">
        <v>119</v>
      </c>
      <c r="X238" s="35" t="s">
        <v>381</v>
      </c>
      <c r="Y238" s="36" t="s">
        <v>126</v>
      </c>
      <c r="Z238" s="44">
        <v>0</v>
      </c>
      <c r="AA238" s="45" t="s">
        <v>379</v>
      </c>
    </row>
    <row r="239" spans="1:47" ht="20.25" hidden="1" customHeight="1" x14ac:dyDescent="0.65">
      <c r="A239" s="2"/>
      <c r="G239" s="2"/>
      <c r="I239" s="2"/>
      <c r="K239" s="2"/>
      <c r="L239" s="2"/>
      <c r="M239" s="2"/>
      <c r="O239" s="2"/>
      <c r="P239" s="2"/>
      <c r="V239" s="84"/>
      <c r="W239" s="39" t="s">
        <v>132</v>
      </c>
      <c r="X239" s="40" t="s">
        <v>382</v>
      </c>
      <c r="Y239" s="85" t="s">
        <v>139</v>
      </c>
      <c r="Z239" s="37" t="s">
        <v>119</v>
      </c>
      <c r="AA239" s="38" t="s">
        <v>383</v>
      </c>
    </row>
    <row r="240" spans="1:47" ht="20.25" hidden="1" customHeight="1" x14ac:dyDescent="0.65">
      <c r="A240" s="2"/>
      <c r="G240" s="2"/>
      <c r="I240" s="2"/>
      <c r="K240" s="2"/>
      <c r="L240" s="2"/>
      <c r="M240" s="2"/>
      <c r="O240" s="2"/>
      <c r="P240" s="2"/>
      <c r="V240" s="84"/>
      <c r="W240" s="39" t="s">
        <v>144</v>
      </c>
      <c r="X240" s="40" t="s">
        <v>384</v>
      </c>
      <c r="Y240" s="85"/>
      <c r="Z240" s="41" t="s">
        <v>134</v>
      </c>
      <c r="AA240" s="40" t="s">
        <v>385</v>
      </c>
    </row>
    <row r="241" spans="1:27" ht="20.25" hidden="1" customHeight="1" x14ac:dyDescent="0.65">
      <c r="A241" s="2"/>
      <c r="G241" s="2"/>
      <c r="I241" s="2"/>
      <c r="K241" s="2"/>
      <c r="L241" s="2"/>
      <c r="M241" s="2"/>
      <c r="O241" s="2"/>
      <c r="P241" s="2"/>
      <c r="V241" s="84"/>
      <c r="W241" s="39" t="s">
        <v>156</v>
      </c>
      <c r="X241" s="40" t="s">
        <v>386</v>
      </c>
      <c r="Y241" s="85"/>
      <c r="Z241" s="41" t="s">
        <v>146</v>
      </c>
      <c r="AA241" s="40" t="s">
        <v>387</v>
      </c>
    </row>
    <row r="242" spans="1:27" ht="20.25" hidden="1" customHeight="1" x14ac:dyDescent="0.65">
      <c r="A242" s="2"/>
      <c r="I242" s="2"/>
      <c r="K242" s="2"/>
      <c r="L242" s="2"/>
      <c r="M242" s="2"/>
      <c r="O242" s="2"/>
      <c r="P242" s="2"/>
      <c r="V242" s="84"/>
      <c r="W242" s="39" t="s">
        <v>165</v>
      </c>
      <c r="X242" s="40" t="s">
        <v>388</v>
      </c>
      <c r="Y242" s="85"/>
      <c r="Z242" s="42" t="s">
        <v>176</v>
      </c>
      <c r="AA242" s="43" t="s">
        <v>70</v>
      </c>
    </row>
    <row r="243" spans="1:27" ht="20.25" hidden="1" customHeight="1" x14ac:dyDescent="0.65">
      <c r="K243" s="2"/>
      <c r="L243" s="2"/>
      <c r="M243" s="2"/>
      <c r="O243" s="2"/>
      <c r="P243" s="2"/>
      <c r="V243" s="84"/>
      <c r="W243" s="39" t="s">
        <v>174</v>
      </c>
      <c r="X243" s="40" t="s">
        <v>389</v>
      </c>
      <c r="Y243" s="85" t="s">
        <v>151</v>
      </c>
      <c r="Z243" s="37" t="s">
        <v>119</v>
      </c>
      <c r="AA243" s="38" t="s">
        <v>390</v>
      </c>
    </row>
    <row r="244" spans="1:27" ht="20.25" hidden="1" customHeight="1" x14ac:dyDescent="0.65">
      <c r="K244" s="2"/>
      <c r="L244" s="2"/>
      <c r="O244" s="2"/>
      <c r="P244" s="2"/>
      <c r="V244" s="84"/>
      <c r="W244" s="39" t="s">
        <v>182</v>
      </c>
      <c r="X244" s="40" t="s">
        <v>391</v>
      </c>
      <c r="Y244" s="85"/>
      <c r="Z244" s="41" t="s">
        <v>132</v>
      </c>
      <c r="AA244" s="40" t="s">
        <v>392</v>
      </c>
    </row>
    <row r="245" spans="1:27" ht="20.25" hidden="1" customHeight="1" x14ac:dyDescent="0.65">
      <c r="K245" s="2"/>
      <c r="L245" s="2"/>
      <c r="O245" s="2"/>
      <c r="P245" s="2"/>
      <c r="V245" s="84"/>
      <c r="W245" s="39" t="s">
        <v>188</v>
      </c>
      <c r="X245" s="40" t="s">
        <v>393</v>
      </c>
      <c r="Y245" s="85"/>
      <c r="Z245" s="41" t="s">
        <v>146</v>
      </c>
      <c r="AA245" s="40" t="s">
        <v>394</v>
      </c>
    </row>
    <row r="246" spans="1:27" ht="20.25" hidden="1" customHeight="1" x14ac:dyDescent="0.65">
      <c r="K246" s="2"/>
      <c r="L246" s="2"/>
      <c r="O246" s="2"/>
      <c r="P246" s="2"/>
      <c r="V246" s="84"/>
      <c r="W246" s="39" t="s">
        <v>193</v>
      </c>
      <c r="X246" s="40" t="s">
        <v>395</v>
      </c>
      <c r="Y246" s="85"/>
      <c r="Z246" s="41" t="s">
        <v>156</v>
      </c>
      <c r="AA246" s="40" t="s">
        <v>396</v>
      </c>
    </row>
    <row r="247" spans="1:27" ht="20.25" hidden="1" customHeight="1" x14ac:dyDescent="0.65">
      <c r="K247" s="2"/>
      <c r="L247" s="2"/>
      <c r="O247" s="2"/>
      <c r="P247" s="2"/>
      <c r="V247" s="84"/>
      <c r="W247" s="39" t="s">
        <v>231</v>
      </c>
      <c r="X247" s="40" t="s">
        <v>397</v>
      </c>
      <c r="Y247" s="85"/>
      <c r="Z247" s="42" t="s">
        <v>176</v>
      </c>
      <c r="AA247" s="43" t="s">
        <v>70</v>
      </c>
    </row>
    <row r="248" spans="1:27" ht="20.25" hidden="1" customHeight="1" x14ac:dyDescent="0.65">
      <c r="K248" s="2"/>
      <c r="L248" s="2"/>
      <c r="O248" s="2"/>
      <c r="P248" s="2"/>
      <c r="V248" s="84"/>
      <c r="W248" s="39" t="s">
        <v>234</v>
      </c>
      <c r="X248" s="40" t="s">
        <v>398</v>
      </c>
      <c r="Y248" s="36" t="s">
        <v>162</v>
      </c>
      <c r="Z248" s="44"/>
      <c r="AA248" s="45"/>
    </row>
    <row r="249" spans="1:27" ht="20.25" hidden="1" customHeight="1" x14ac:dyDescent="0.65">
      <c r="K249" s="2"/>
      <c r="L249" s="2"/>
      <c r="O249" s="2"/>
      <c r="P249" s="2"/>
      <c r="V249" s="84"/>
      <c r="W249" s="46" t="s">
        <v>176</v>
      </c>
      <c r="X249" s="43" t="s">
        <v>70</v>
      </c>
      <c r="Y249" s="36" t="s">
        <v>171</v>
      </c>
      <c r="Z249" s="44"/>
      <c r="AA249" s="45"/>
    </row>
    <row r="250" spans="1:27" ht="20.25" hidden="1" customHeight="1" x14ac:dyDescent="0.65">
      <c r="K250" s="2"/>
      <c r="L250" s="2"/>
      <c r="O250" s="2"/>
      <c r="P250" s="2"/>
      <c r="V250" s="84" t="s">
        <v>399</v>
      </c>
      <c r="W250" s="47" t="s">
        <v>119</v>
      </c>
      <c r="X250" s="38" t="s">
        <v>400</v>
      </c>
      <c r="Y250" s="85" t="s">
        <v>180</v>
      </c>
      <c r="Z250" s="37" t="s">
        <v>119</v>
      </c>
      <c r="AA250" s="38" t="s">
        <v>401</v>
      </c>
    </row>
    <row r="251" spans="1:27" ht="20.25" hidden="1" customHeight="1" x14ac:dyDescent="0.65">
      <c r="K251" s="2"/>
      <c r="L251" s="2"/>
      <c r="V251" s="84"/>
      <c r="W251" s="39" t="s">
        <v>132</v>
      </c>
      <c r="X251" s="40" t="s">
        <v>402</v>
      </c>
      <c r="Y251" s="85"/>
      <c r="Z251" s="41" t="s">
        <v>132</v>
      </c>
      <c r="AA251" s="40" t="s">
        <v>403</v>
      </c>
    </row>
    <row r="252" spans="1:27" ht="20.25" hidden="1" customHeight="1" x14ac:dyDescent="0.65">
      <c r="K252" s="2"/>
      <c r="L252" s="2"/>
      <c r="M252" s="4"/>
      <c r="V252" s="84"/>
      <c r="W252" s="39" t="s">
        <v>144</v>
      </c>
      <c r="X252" s="40" t="s">
        <v>404</v>
      </c>
      <c r="Y252" s="85"/>
      <c r="Z252" s="41" t="s">
        <v>146</v>
      </c>
      <c r="AA252" s="40" t="s">
        <v>405</v>
      </c>
    </row>
    <row r="253" spans="1:27" ht="20.25" hidden="1" customHeight="1" x14ac:dyDescent="0.65">
      <c r="L253" s="2"/>
      <c r="M253" s="4"/>
      <c r="V253" s="84"/>
      <c r="W253" s="39" t="s">
        <v>156</v>
      </c>
      <c r="X253" s="40" t="s">
        <v>406</v>
      </c>
      <c r="Y253" s="85"/>
      <c r="Z253" s="42" t="s">
        <v>176</v>
      </c>
      <c r="AA253" s="43" t="s">
        <v>70</v>
      </c>
    </row>
    <row r="254" spans="1:27" ht="20.25" hidden="1" customHeight="1" x14ac:dyDescent="0.65">
      <c r="L254" s="2"/>
      <c r="M254" s="4"/>
      <c r="V254" s="84"/>
      <c r="W254" s="39" t="s">
        <v>165</v>
      </c>
      <c r="X254" s="40" t="s">
        <v>407</v>
      </c>
      <c r="Y254" s="36" t="s">
        <v>186</v>
      </c>
      <c r="Z254" s="44"/>
      <c r="AA254" s="45"/>
    </row>
    <row r="255" spans="1:27" ht="20.25" hidden="1" customHeight="1" x14ac:dyDescent="0.65">
      <c r="M255" s="4"/>
      <c r="V255" s="84"/>
      <c r="W255" s="39" t="s">
        <v>174</v>
      </c>
      <c r="X255" s="40" t="s">
        <v>408</v>
      </c>
      <c r="Y255" s="36" t="s">
        <v>129</v>
      </c>
      <c r="Z255" s="44"/>
      <c r="AA255" s="45"/>
    </row>
    <row r="256" spans="1:27" ht="20.25" hidden="1" customHeight="1" x14ac:dyDescent="0.65">
      <c r="M256" s="4"/>
      <c r="V256" s="84"/>
      <c r="W256" s="39" t="s">
        <v>182</v>
      </c>
      <c r="X256" s="40" t="s">
        <v>409</v>
      </c>
      <c r="Y256" s="85" t="s">
        <v>102</v>
      </c>
      <c r="Z256" s="37" t="s">
        <v>119</v>
      </c>
      <c r="AA256" s="38" t="s">
        <v>410</v>
      </c>
    </row>
    <row r="257" spans="13:27" ht="20.25" hidden="1" customHeight="1" x14ac:dyDescent="0.65">
      <c r="M257" s="4"/>
      <c r="V257" s="84"/>
      <c r="W257" s="39" t="s">
        <v>188</v>
      </c>
      <c r="X257" s="40" t="s">
        <v>411</v>
      </c>
      <c r="Y257" s="85"/>
      <c r="Z257" s="41" t="s">
        <v>134</v>
      </c>
      <c r="AA257" s="40" t="s">
        <v>412</v>
      </c>
    </row>
    <row r="258" spans="13:27" ht="20.25" hidden="1" customHeight="1" x14ac:dyDescent="0.65">
      <c r="M258" s="4"/>
      <c r="V258" s="84"/>
      <c r="W258" s="39" t="s">
        <v>193</v>
      </c>
      <c r="X258" s="40" t="s">
        <v>413</v>
      </c>
      <c r="Y258" s="85"/>
      <c r="Z258" s="41" t="s">
        <v>144</v>
      </c>
      <c r="AA258" s="40" t="s">
        <v>414</v>
      </c>
    </row>
    <row r="259" spans="13:27" ht="20.25" hidden="1" customHeight="1" x14ac:dyDescent="0.65">
      <c r="M259" s="4"/>
      <c r="V259" s="84"/>
      <c r="W259" s="39" t="s">
        <v>231</v>
      </c>
      <c r="X259" s="40" t="s">
        <v>415</v>
      </c>
      <c r="Y259" s="85"/>
      <c r="Z259" s="42" t="s">
        <v>176</v>
      </c>
      <c r="AA259" s="43" t="s">
        <v>70</v>
      </c>
    </row>
    <row r="260" spans="13:27" ht="20.25" hidden="1" customHeight="1" x14ac:dyDescent="0.65">
      <c r="M260" s="4"/>
      <c r="V260" s="84"/>
      <c r="W260" s="39" t="s">
        <v>234</v>
      </c>
      <c r="X260" s="40" t="s">
        <v>416</v>
      </c>
      <c r="Y260" s="36" t="s">
        <v>113</v>
      </c>
      <c r="Z260" s="44"/>
      <c r="AA260" s="45"/>
    </row>
    <row r="261" spans="13:27" ht="20.25" hidden="1" customHeight="1" x14ac:dyDescent="0.65">
      <c r="M261" s="4"/>
      <c r="V261" s="84"/>
      <c r="W261" s="39" t="s">
        <v>236</v>
      </c>
      <c r="X261" s="40" t="s">
        <v>417</v>
      </c>
      <c r="Y261" s="36" t="s">
        <v>127</v>
      </c>
      <c r="Z261" s="44"/>
      <c r="AA261" s="45"/>
    </row>
    <row r="262" spans="13:27" ht="20.25" hidden="1" customHeight="1" x14ac:dyDescent="0.65">
      <c r="M262" s="4"/>
      <c r="V262" s="84"/>
      <c r="W262" s="39" t="s">
        <v>266</v>
      </c>
      <c r="X262" s="40" t="s">
        <v>418</v>
      </c>
      <c r="Y262" s="36" t="s">
        <v>140</v>
      </c>
      <c r="Z262" s="44"/>
      <c r="AA262" s="45"/>
    </row>
    <row r="263" spans="13:27" ht="20.25" hidden="1" customHeight="1" x14ac:dyDescent="0.65">
      <c r="M263" s="4"/>
      <c r="V263" s="84"/>
      <c r="W263" s="46" t="s">
        <v>176</v>
      </c>
      <c r="X263" s="43" t="s">
        <v>70</v>
      </c>
      <c r="Y263" s="36" t="s">
        <v>152</v>
      </c>
      <c r="Z263" s="44"/>
      <c r="AA263" s="45"/>
    </row>
    <row r="264" spans="13:27" ht="20.25" hidden="1" customHeight="1" x14ac:dyDescent="0.65">
      <c r="V264" s="84" t="s">
        <v>419</v>
      </c>
      <c r="W264" s="47" t="s">
        <v>119</v>
      </c>
      <c r="X264" s="38" t="s">
        <v>420</v>
      </c>
      <c r="Y264" s="36" t="s">
        <v>163</v>
      </c>
      <c r="Z264" s="44"/>
      <c r="AA264" s="45"/>
    </row>
    <row r="265" spans="13:27" ht="20.25" hidden="1" customHeight="1" x14ac:dyDescent="0.65">
      <c r="V265" s="84"/>
      <c r="W265" s="39" t="s">
        <v>132</v>
      </c>
      <c r="X265" s="40" t="s">
        <v>421</v>
      </c>
      <c r="Y265" s="36" t="s">
        <v>172</v>
      </c>
      <c r="Z265" s="44"/>
      <c r="AA265" s="45"/>
    </row>
    <row r="266" spans="13:27" ht="20.25" hidden="1" customHeight="1" x14ac:dyDescent="0.65">
      <c r="V266" s="84"/>
      <c r="W266" s="39" t="s">
        <v>144</v>
      </c>
      <c r="X266" s="40" t="s">
        <v>422</v>
      </c>
      <c r="Y266" s="36" t="s">
        <v>129</v>
      </c>
      <c r="Z266" s="44"/>
      <c r="AA266" s="45"/>
    </row>
    <row r="267" spans="13:27" ht="20.25" hidden="1" customHeight="1" x14ac:dyDescent="0.65">
      <c r="V267" s="84"/>
      <c r="W267" s="39" t="s">
        <v>156</v>
      </c>
      <c r="X267" s="40" t="s">
        <v>423</v>
      </c>
      <c r="Y267" s="36" t="s">
        <v>103</v>
      </c>
      <c r="Z267" s="44"/>
      <c r="AA267" s="45"/>
    </row>
    <row r="268" spans="13:27" ht="20.25" hidden="1" customHeight="1" x14ac:dyDescent="0.65">
      <c r="V268" s="84"/>
      <c r="W268" s="39" t="s">
        <v>165</v>
      </c>
      <c r="X268" s="40" t="s">
        <v>424</v>
      </c>
      <c r="Y268" s="36" t="s">
        <v>114</v>
      </c>
      <c r="Z268" s="44"/>
      <c r="AA268" s="45"/>
    </row>
    <row r="269" spans="13:27" ht="20.25" hidden="1" customHeight="1" x14ac:dyDescent="0.65">
      <c r="V269" s="84"/>
      <c r="W269" s="39" t="s">
        <v>174</v>
      </c>
      <c r="X269" s="40" t="s">
        <v>425</v>
      </c>
      <c r="Y269" s="36" t="s">
        <v>128</v>
      </c>
      <c r="Z269" s="44"/>
      <c r="AA269" s="45"/>
    </row>
    <row r="270" spans="13:27" ht="20.25" hidden="1" customHeight="1" x14ac:dyDescent="0.65">
      <c r="V270" s="84"/>
      <c r="W270" s="39" t="s">
        <v>182</v>
      </c>
      <c r="X270" s="40" t="s">
        <v>426</v>
      </c>
      <c r="Y270" s="36" t="s">
        <v>141</v>
      </c>
      <c r="Z270" s="44"/>
      <c r="AA270" s="45"/>
    </row>
    <row r="271" spans="13:27" ht="20.25" hidden="1" customHeight="1" x14ac:dyDescent="0.65">
      <c r="V271" s="84"/>
      <c r="W271" s="46" t="s">
        <v>176</v>
      </c>
      <c r="X271" s="43" t="s">
        <v>70</v>
      </c>
      <c r="Y271" s="36" t="s">
        <v>153</v>
      </c>
      <c r="Z271" s="44"/>
      <c r="AA271" s="45"/>
    </row>
    <row r="272" spans="13:27" ht="20.25" hidden="1" customHeight="1" x14ac:dyDescent="0.65">
      <c r="V272" s="84" t="s">
        <v>427</v>
      </c>
      <c r="W272" s="47" t="s">
        <v>119</v>
      </c>
      <c r="X272" s="38" t="s">
        <v>428</v>
      </c>
      <c r="Y272" s="36" t="s">
        <v>129</v>
      </c>
      <c r="Z272" s="44"/>
      <c r="AA272" s="45"/>
    </row>
    <row r="273" spans="22:27" ht="20.25" hidden="1" customHeight="1" x14ac:dyDescent="0.65">
      <c r="V273" s="84"/>
      <c r="W273" s="39" t="s">
        <v>132</v>
      </c>
      <c r="X273" s="40" t="s">
        <v>429</v>
      </c>
      <c r="Y273" s="85" t="s">
        <v>104</v>
      </c>
      <c r="Z273" s="37" t="s">
        <v>119</v>
      </c>
      <c r="AA273" s="38" t="s">
        <v>430</v>
      </c>
    </row>
    <row r="274" spans="22:27" ht="20.25" hidden="1" customHeight="1" x14ac:dyDescent="0.65">
      <c r="V274" s="84"/>
      <c r="W274" s="39" t="s">
        <v>144</v>
      </c>
      <c r="X274" s="40" t="s">
        <v>431</v>
      </c>
      <c r="Y274" s="85"/>
      <c r="Z274" s="41" t="s">
        <v>132</v>
      </c>
      <c r="AA274" s="40" t="s">
        <v>432</v>
      </c>
    </row>
    <row r="275" spans="22:27" ht="20.25" hidden="1" customHeight="1" x14ac:dyDescent="0.65">
      <c r="V275" s="84"/>
      <c r="W275" s="39" t="s">
        <v>156</v>
      </c>
      <c r="X275" s="40" t="s">
        <v>433</v>
      </c>
      <c r="Y275" s="85"/>
      <c r="Z275" s="41" t="s">
        <v>146</v>
      </c>
      <c r="AA275" s="40" t="s">
        <v>434</v>
      </c>
    </row>
    <row r="276" spans="22:27" ht="20.25" hidden="1" customHeight="1" x14ac:dyDescent="0.65">
      <c r="V276" s="84"/>
      <c r="W276" s="39" t="s">
        <v>165</v>
      </c>
      <c r="X276" s="40" t="s">
        <v>435</v>
      </c>
      <c r="Y276" s="85"/>
      <c r="Z276" s="41" t="s">
        <v>254</v>
      </c>
      <c r="AA276" s="40" t="s">
        <v>436</v>
      </c>
    </row>
    <row r="277" spans="22:27" ht="20.25" hidden="1" customHeight="1" x14ac:dyDescent="0.65">
      <c r="V277" s="84"/>
      <c r="W277" s="39" t="s">
        <v>174</v>
      </c>
      <c r="X277" s="40" t="s">
        <v>437</v>
      </c>
      <c r="Y277" s="85"/>
      <c r="Z277" s="42" t="s">
        <v>176</v>
      </c>
      <c r="AA277" s="43" t="s">
        <v>70</v>
      </c>
    </row>
    <row r="278" spans="22:27" ht="20.25" hidden="1" customHeight="1" x14ac:dyDescent="0.65">
      <c r="V278" s="84"/>
      <c r="W278" s="39" t="s">
        <v>182</v>
      </c>
      <c r="X278" s="40" t="s">
        <v>438</v>
      </c>
      <c r="Y278" s="36" t="s">
        <v>115</v>
      </c>
      <c r="Z278" s="44"/>
      <c r="AA278" s="45"/>
    </row>
    <row r="279" spans="22:27" ht="20.25" hidden="1" customHeight="1" x14ac:dyDescent="0.65">
      <c r="V279" s="84"/>
      <c r="W279" s="39" t="s">
        <v>188</v>
      </c>
      <c r="X279" s="40" t="s">
        <v>439</v>
      </c>
      <c r="Y279" s="36" t="s">
        <v>129</v>
      </c>
      <c r="Z279" s="44"/>
      <c r="AA279" s="45"/>
    </row>
    <row r="280" spans="22:27" ht="20.25" hidden="1" customHeight="1" x14ac:dyDescent="0.65">
      <c r="V280" s="84"/>
      <c r="W280" s="39" t="s">
        <v>193</v>
      </c>
      <c r="X280" s="40" t="s">
        <v>440</v>
      </c>
      <c r="Y280" s="85" t="s">
        <v>105</v>
      </c>
      <c r="Z280" s="37" t="s">
        <v>119</v>
      </c>
      <c r="AA280" s="38" t="s">
        <v>183</v>
      </c>
    </row>
    <row r="281" spans="22:27" ht="20.25" hidden="1" customHeight="1" x14ac:dyDescent="0.65">
      <c r="V281" s="84"/>
      <c r="W281" s="39" t="s">
        <v>231</v>
      </c>
      <c r="X281" s="40" t="s">
        <v>441</v>
      </c>
      <c r="Y281" s="85"/>
      <c r="Z281" s="41" t="s">
        <v>132</v>
      </c>
      <c r="AA281" s="40" t="s">
        <v>442</v>
      </c>
    </row>
    <row r="282" spans="22:27" ht="20.25" hidden="1" customHeight="1" x14ac:dyDescent="0.65">
      <c r="V282" s="84"/>
      <c r="W282" s="39" t="s">
        <v>234</v>
      </c>
      <c r="X282" s="40" t="s">
        <v>443</v>
      </c>
      <c r="Y282" s="85"/>
      <c r="Z282" s="42" t="s">
        <v>176</v>
      </c>
      <c r="AA282" s="43" t="s">
        <v>70</v>
      </c>
    </row>
    <row r="283" spans="22:27" ht="20.25" hidden="1" customHeight="1" x14ac:dyDescent="0.65">
      <c r="V283" s="84"/>
      <c r="W283" s="39" t="s">
        <v>236</v>
      </c>
      <c r="X283" s="40" t="s">
        <v>444</v>
      </c>
      <c r="Y283" s="36" t="s">
        <v>116</v>
      </c>
      <c r="Z283" s="44"/>
      <c r="AA283" s="45"/>
    </row>
    <row r="284" spans="22:27" ht="20.25" hidden="1" customHeight="1" x14ac:dyDescent="0.65">
      <c r="V284" s="84"/>
      <c r="W284" s="39" t="s">
        <v>266</v>
      </c>
      <c r="X284" s="40" t="s">
        <v>445</v>
      </c>
      <c r="Y284" s="36" t="s">
        <v>130</v>
      </c>
      <c r="Z284" s="44"/>
      <c r="AA284" s="45"/>
    </row>
    <row r="285" spans="22:27" ht="20.25" hidden="1" customHeight="1" x14ac:dyDescent="0.65">
      <c r="V285" s="84"/>
      <c r="W285" s="39" t="s">
        <v>268</v>
      </c>
      <c r="X285" s="40" t="s">
        <v>147</v>
      </c>
      <c r="Y285" s="36" t="s">
        <v>142</v>
      </c>
      <c r="Z285" s="44"/>
      <c r="AA285" s="45"/>
    </row>
    <row r="286" spans="22:27" ht="20.25" hidden="1" customHeight="1" x14ac:dyDescent="0.65">
      <c r="V286" s="84"/>
      <c r="W286" s="39" t="s">
        <v>305</v>
      </c>
      <c r="X286" s="40" t="s">
        <v>446</v>
      </c>
      <c r="Y286" s="36" t="s">
        <v>154</v>
      </c>
      <c r="Z286" s="44"/>
      <c r="AA286" s="45"/>
    </row>
    <row r="287" spans="22:27" ht="20.25" hidden="1" customHeight="1" x14ac:dyDescent="0.65">
      <c r="V287" s="84"/>
      <c r="W287" s="39" t="s">
        <v>309</v>
      </c>
      <c r="X287" s="40" t="s">
        <v>447</v>
      </c>
      <c r="Y287" s="36" t="s">
        <v>129</v>
      </c>
      <c r="Z287" s="44"/>
      <c r="AA287" s="45"/>
    </row>
    <row r="288" spans="22:27" ht="20.25" hidden="1" customHeight="1" x14ac:dyDescent="0.65">
      <c r="V288" s="84"/>
      <c r="W288" s="39" t="s">
        <v>312</v>
      </c>
      <c r="X288" s="40" t="s">
        <v>448</v>
      </c>
      <c r="Y288" s="36" t="s">
        <v>106</v>
      </c>
      <c r="Z288" s="44"/>
      <c r="AA288" s="45"/>
    </row>
    <row r="289" spans="22:27" ht="20.25" hidden="1" customHeight="1" x14ac:dyDescent="0.65">
      <c r="V289" s="84"/>
      <c r="W289" s="39" t="s">
        <v>315</v>
      </c>
      <c r="X289" s="40" t="s">
        <v>449</v>
      </c>
      <c r="Y289" s="36" t="s">
        <v>117</v>
      </c>
      <c r="Z289" s="44"/>
      <c r="AA289" s="45"/>
    </row>
    <row r="290" spans="22:27" ht="20.25" hidden="1" customHeight="1" x14ac:dyDescent="0.65">
      <c r="V290" s="84"/>
      <c r="W290" s="46" t="s">
        <v>176</v>
      </c>
      <c r="X290" s="43" t="s">
        <v>70</v>
      </c>
      <c r="Y290" s="36" t="s">
        <v>131</v>
      </c>
      <c r="Z290" s="44"/>
      <c r="AA290" s="45"/>
    </row>
    <row r="291" spans="22:27" ht="20.25" hidden="1" customHeight="1" x14ac:dyDescent="0.65">
      <c r="V291" s="84" t="s">
        <v>450</v>
      </c>
      <c r="W291" s="47" t="s">
        <v>119</v>
      </c>
      <c r="X291" s="38" t="s">
        <v>451</v>
      </c>
      <c r="Y291" s="36" t="s">
        <v>143</v>
      </c>
      <c r="Z291" s="44"/>
      <c r="AA291" s="45"/>
    </row>
    <row r="292" spans="22:27" ht="20.25" hidden="1" customHeight="1" x14ac:dyDescent="0.65">
      <c r="V292" s="84"/>
      <c r="W292" s="39" t="s">
        <v>132</v>
      </c>
      <c r="X292" s="40" t="s">
        <v>452</v>
      </c>
      <c r="Y292" s="36" t="s">
        <v>155</v>
      </c>
      <c r="Z292" s="44"/>
      <c r="AA292" s="45"/>
    </row>
    <row r="293" spans="22:27" ht="20.25" hidden="1" customHeight="1" x14ac:dyDescent="0.65">
      <c r="V293" s="84"/>
      <c r="W293" s="39" t="s">
        <v>146</v>
      </c>
      <c r="X293" s="40" t="s">
        <v>453</v>
      </c>
      <c r="Y293" s="36" t="s">
        <v>164</v>
      </c>
      <c r="Z293" s="44"/>
      <c r="AA293" s="45"/>
    </row>
    <row r="294" spans="22:27" ht="20.25" hidden="1" customHeight="1" x14ac:dyDescent="0.65">
      <c r="V294" s="84"/>
      <c r="W294" s="46" t="s">
        <v>176</v>
      </c>
      <c r="X294" s="43" t="s">
        <v>70</v>
      </c>
      <c r="Y294" s="36" t="s">
        <v>173</v>
      </c>
      <c r="Z294" s="44"/>
      <c r="AA294" s="45"/>
    </row>
    <row r="295" spans="22:27" ht="20.25" hidden="1" customHeight="1" x14ac:dyDescent="0.65">
      <c r="V295" s="84" t="s">
        <v>454</v>
      </c>
      <c r="W295" s="47" t="s">
        <v>119</v>
      </c>
      <c r="X295" s="38" t="s">
        <v>455</v>
      </c>
      <c r="Y295" s="36" t="s">
        <v>181</v>
      </c>
      <c r="Z295" s="44"/>
      <c r="AA295" s="45"/>
    </row>
    <row r="296" spans="22:27" ht="20.25" hidden="1" customHeight="1" x14ac:dyDescent="0.65">
      <c r="V296" s="84"/>
      <c r="W296" s="39" t="s">
        <v>132</v>
      </c>
      <c r="X296" s="40" t="s">
        <v>456</v>
      </c>
      <c r="Y296" s="36" t="s">
        <v>187</v>
      </c>
      <c r="Z296" s="44"/>
      <c r="AA296" s="45"/>
    </row>
    <row r="297" spans="22:27" ht="20.25" hidden="1" customHeight="1" x14ac:dyDescent="0.65">
      <c r="V297" s="84"/>
      <c r="W297" s="39" t="s">
        <v>144</v>
      </c>
      <c r="X297" s="40" t="s">
        <v>457</v>
      </c>
      <c r="Y297" s="85" t="s">
        <v>192</v>
      </c>
      <c r="Z297" s="52" t="s">
        <v>119</v>
      </c>
      <c r="AA297" s="53" t="s">
        <v>458</v>
      </c>
    </row>
    <row r="298" spans="22:27" ht="20.25" hidden="1" customHeight="1" x14ac:dyDescent="0.65">
      <c r="V298" s="84"/>
      <c r="W298" s="39" t="s">
        <v>156</v>
      </c>
      <c r="X298" s="40" t="s">
        <v>459</v>
      </c>
      <c r="Y298" s="85"/>
      <c r="Z298" s="54" t="s">
        <v>132</v>
      </c>
      <c r="AA298" s="55" t="s">
        <v>460</v>
      </c>
    </row>
    <row r="299" spans="22:27" ht="20.25" hidden="1" customHeight="1" x14ac:dyDescent="0.2">
      <c r="V299" s="84"/>
      <c r="W299" s="39" t="s">
        <v>165</v>
      </c>
      <c r="X299" s="40" t="s">
        <v>461</v>
      </c>
      <c r="Y299" s="85"/>
      <c r="Z299" s="56" t="s">
        <v>176</v>
      </c>
      <c r="AA299" s="57" t="s">
        <v>70</v>
      </c>
    </row>
    <row r="300" spans="22:27" ht="20.25" hidden="1" customHeight="1" x14ac:dyDescent="0.65">
      <c r="V300" s="84"/>
      <c r="W300" s="39" t="s">
        <v>174</v>
      </c>
      <c r="X300" s="40" t="s">
        <v>462</v>
      </c>
      <c r="Y300" s="36" t="s">
        <v>198</v>
      </c>
      <c r="Z300" s="44"/>
      <c r="AA300" s="45"/>
    </row>
    <row r="301" spans="22:27" ht="20.25" hidden="1" customHeight="1" x14ac:dyDescent="0.65">
      <c r="V301" s="84"/>
      <c r="W301" s="46" t="s">
        <v>176</v>
      </c>
      <c r="X301" s="43" t="s">
        <v>70</v>
      </c>
      <c r="Y301" s="85" t="s">
        <v>202</v>
      </c>
      <c r="Z301" s="52" t="s">
        <v>119</v>
      </c>
      <c r="AA301" s="53" t="s">
        <v>463</v>
      </c>
    </row>
    <row r="302" spans="22:27" ht="20.25" hidden="1" customHeight="1" x14ac:dyDescent="0.2">
      <c r="V302" s="84" t="s">
        <v>464</v>
      </c>
      <c r="W302" s="47" t="s">
        <v>119</v>
      </c>
      <c r="X302" s="38" t="s">
        <v>465</v>
      </c>
      <c r="Y302" s="85"/>
      <c r="Z302" s="58" t="s">
        <v>132</v>
      </c>
      <c r="AA302" s="59" t="s">
        <v>466</v>
      </c>
    </row>
    <row r="303" spans="22:27" ht="20.25" hidden="1" customHeight="1" x14ac:dyDescent="0.2">
      <c r="V303" s="84"/>
      <c r="W303" s="39" t="s">
        <v>132</v>
      </c>
      <c r="X303" s="40" t="s">
        <v>467</v>
      </c>
      <c r="Y303" s="85"/>
      <c r="Z303" s="60" t="s">
        <v>176</v>
      </c>
      <c r="AA303" s="61" t="s">
        <v>70</v>
      </c>
    </row>
    <row r="304" spans="22:27" ht="20.25" hidden="1" customHeight="1" x14ac:dyDescent="0.65">
      <c r="V304" s="84"/>
      <c r="W304" s="39" t="s">
        <v>144</v>
      </c>
      <c r="X304" s="40" t="s">
        <v>468</v>
      </c>
      <c r="Y304" s="36" t="s">
        <v>208</v>
      </c>
      <c r="Z304" s="44"/>
      <c r="AA304" s="45"/>
    </row>
    <row r="305" spans="22:27" ht="20.25" hidden="1" customHeight="1" x14ac:dyDescent="0.65">
      <c r="V305" s="84"/>
      <c r="W305" s="39" t="s">
        <v>156</v>
      </c>
      <c r="X305" s="40" t="s">
        <v>469</v>
      </c>
      <c r="Y305" s="36" t="s">
        <v>212</v>
      </c>
      <c r="Z305" s="44"/>
      <c r="AA305" s="45"/>
    </row>
    <row r="306" spans="22:27" ht="20.25" hidden="1" customHeight="1" x14ac:dyDescent="0.65">
      <c r="V306" s="84"/>
      <c r="W306" s="39" t="s">
        <v>165</v>
      </c>
      <c r="X306" s="40" t="s">
        <v>470</v>
      </c>
      <c r="Y306" s="36" t="s">
        <v>129</v>
      </c>
      <c r="Z306" s="44"/>
      <c r="AA306" s="45"/>
    </row>
    <row r="307" spans="22:27" ht="20.25" hidden="1" customHeight="1" x14ac:dyDescent="0.65">
      <c r="V307" s="84"/>
      <c r="W307" s="39" t="s">
        <v>174</v>
      </c>
      <c r="X307" s="40" t="s">
        <v>471</v>
      </c>
    </row>
    <row r="308" spans="22:27" ht="20.25" hidden="1" customHeight="1" x14ac:dyDescent="0.65">
      <c r="V308" s="84"/>
      <c r="W308" s="46" t="s">
        <v>176</v>
      </c>
      <c r="X308" s="43" t="s">
        <v>70</v>
      </c>
    </row>
    <row r="309" spans="22:27" ht="20.25" hidden="1" customHeight="1" x14ac:dyDescent="0.65">
      <c r="V309" s="84" t="s">
        <v>472</v>
      </c>
      <c r="W309" s="47" t="s">
        <v>119</v>
      </c>
      <c r="X309" s="38" t="s">
        <v>473</v>
      </c>
    </row>
    <row r="310" spans="22:27" ht="20.25" hidden="1" customHeight="1" x14ac:dyDescent="0.65">
      <c r="V310" s="84"/>
      <c r="W310" s="39" t="s">
        <v>132</v>
      </c>
      <c r="X310" s="40" t="s">
        <v>474</v>
      </c>
    </row>
    <row r="311" spans="22:27" ht="20.25" hidden="1" customHeight="1" x14ac:dyDescent="0.65">
      <c r="V311" s="84"/>
      <c r="W311" s="39" t="s">
        <v>144</v>
      </c>
      <c r="X311" s="40" t="s">
        <v>475</v>
      </c>
    </row>
    <row r="312" spans="22:27" ht="20.25" hidden="1" customHeight="1" x14ac:dyDescent="0.65">
      <c r="V312" s="84"/>
      <c r="W312" s="39" t="s">
        <v>156</v>
      </c>
      <c r="X312" s="40" t="s">
        <v>476</v>
      </c>
    </row>
    <row r="313" spans="22:27" ht="20.25" hidden="1" customHeight="1" x14ac:dyDescent="0.65">
      <c r="V313" s="84"/>
      <c r="W313" s="46" t="s">
        <v>176</v>
      </c>
      <c r="X313" s="43" t="s">
        <v>70</v>
      </c>
    </row>
    <row r="314" spans="22:27" ht="20.25" hidden="1" customHeight="1" x14ac:dyDescent="0.65">
      <c r="V314" s="84" t="s">
        <v>477</v>
      </c>
      <c r="W314" s="47" t="s">
        <v>119</v>
      </c>
      <c r="X314" s="38" t="s">
        <v>478</v>
      </c>
    </row>
    <row r="315" spans="22:27" ht="20.25" hidden="1" customHeight="1" x14ac:dyDescent="0.65">
      <c r="V315" s="84"/>
      <c r="W315" s="39" t="s">
        <v>132</v>
      </c>
      <c r="X315" s="40" t="s">
        <v>479</v>
      </c>
    </row>
    <row r="316" spans="22:27" ht="20.25" hidden="1" customHeight="1" x14ac:dyDescent="0.65">
      <c r="V316" s="84"/>
      <c r="W316" s="39" t="s">
        <v>144</v>
      </c>
      <c r="X316" s="40" t="s">
        <v>480</v>
      </c>
    </row>
    <row r="317" spans="22:27" ht="20.25" hidden="1" customHeight="1" x14ac:dyDescent="0.65">
      <c r="V317" s="84"/>
      <c r="W317" s="46" t="s">
        <v>176</v>
      </c>
      <c r="X317" s="43" t="s">
        <v>70</v>
      </c>
    </row>
    <row r="318" spans="22:27" ht="20.25" hidden="1" customHeight="1" x14ac:dyDescent="0.65">
      <c r="V318" s="84" t="s">
        <v>481</v>
      </c>
      <c r="W318" s="47" t="s">
        <v>119</v>
      </c>
      <c r="X318" s="38" t="s">
        <v>482</v>
      </c>
    </row>
    <row r="319" spans="22:27" ht="20.25" hidden="1" customHeight="1" x14ac:dyDescent="0.65">
      <c r="V319" s="84"/>
      <c r="W319" s="39" t="s">
        <v>132</v>
      </c>
      <c r="X319" s="40" t="s">
        <v>483</v>
      </c>
    </row>
    <row r="320" spans="22:27" ht="20.25" hidden="1" customHeight="1" x14ac:dyDescent="0.65">
      <c r="V320" s="84"/>
      <c r="W320" s="39" t="s">
        <v>144</v>
      </c>
      <c r="X320" s="40" t="s">
        <v>484</v>
      </c>
    </row>
    <row r="321" spans="22:24" ht="20.25" hidden="1" customHeight="1" x14ac:dyDescent="0.65">
      <c r="V321" s="84"/>
      <c r="W321" s="39" t="s">
        <v>156</v>
      </c>
      <c r="X321" s="40" t="s">
        <v>485</v>
      </c>
    </row>
    <row r="322" spans="22:24" ht="20.25" hidden="1" customHeight="1" x14ac:dyDescent="0.65">
      <c r="V322" s="84"/>
      <c r="W322" s="39" t="s">
        <v>165</v>
      </c>
      <c r="X322" s="40" t="s">
        <v>486</v>
      </c>
    </row>
    <row r="323" spans="22:24" ht="20.25" hidden="1" customHeight="1" x14ac:dyDescent="0.65">
      <c r="V323" s="84"/>
      <c r="W323" s="39" t="s">
        <v>174</v>
      </c>
      <c r="X323" s="40" t="s">
        <v>487</v>
      </c>
    </row>
    <row r="324" spans="22:24" ht="20.25" hidden="1" customHeight="1" x14ac:dyDescent="0.65">
      <c r="V324" s="84"/>
      <c r="W324" s="39" t="s">
        <v>182</v>
      </c>
      <c r="X324" s="40" t="s">
        <v>488</v>
      </c>
    </row>
    <row r="325" spans="22:24" ht="20.25" hidden="1" customHeight="1" x14ac:dyDescent="0.65">
      <c r="V325" s="84"/>
      <c r="W325" s="39" t="s">
        <v>188</v>
      </c>
      <c r="X325" s="40" t="s">
        <v>489</v>
      </c>
    </row>
    <row r="326" spans="22:24" ht="20.25" hidden="1" customHeight="1" x14ac:dyDescent="0.65">
      <c r="V326" s="84"/>
      <c r="W326" s="39" t="s">
        <v>193</v>
      </c>
      <c r="X326" s="40" t="s">
        <v>490</v>
      </c>
    </row>
    <row r="327" spans="22:24" ht="20.25" hidden="1" customHeight="1" x14ac:dyDescent="0.65">
      <c r="V327" s="84"/>
      <c r="W327" s="39" t="s">
        <v>231</v>
      </c>
      <c r="X327" s="40" t="s">
        <v>491</v>
      </c>
    </row>
    <row r="328" spans="22:24" ht="20.25" hidden="1" customHeight="1" x14ac:dyDescent="0.65">
      <c r="V328" s="84"/>
      <c r="W328" s="39" t="s">
        <v>234</v>
      </c>
      <c r="X328" s="40" t="s">
        <v>492</v>
      </c>
    </row>
    <row r="329" spans="22:24" ht="20.25" hidden="1" customHeight="1" x14ac:dyDescent="0.65">
      <c r="V329" s="84"/>
      <c r="W329" s="39" t="s">
        <v>236</v>
      </c>
      <c r="X329" s="40" t="s">
        <v>493</v>
      </c>
    </row>
    <row r="330" spans="22:24" ht="20.25" hidden="1" customHeight="1" x14ac:dyDescent="0.65">
      <c r="V330" s="84"/>
      <c r="W330" s="39" t="s">
        <v>266</v>
      </c>
      <c r="X330" s="40" t="s">
        <v>494</v>
      </c>
    </row>
    <row r="331" spans="22:24" ht="20.25" hidden="1" customHeight="1" x14ac:dyDescent="0.65">
      <c r="V331" s="84"/>
      <c r="W331" s="39" t="s">
        <v>268</v>
      </c>
      <c r="X331" s="40" t="s">
        <v>495</v>
      </c>
    </row>
    <row r="332" spans="22:24" ht="20.25" hidden="1" customHeight="1" x14ac:dyDescent="0.65">
      <c r="V332" s="84"/>
      <c r="W332" s="39" t="s">
        <v>305</v>
      </c>
      <c r="X332" s="40" t="s">
        <v>496</v>
      </c>
    </row>
    <row r="333" spans="22:24" ht="20.25" hidden="1" customHeight="1" x14ac:dyDescent="0.65">
      <c r="V333" s="84"/>
      <c r="W333" s="39" t="s">
        <v>309</v>
      </c>
      <c r="X333" s="40" t="s">
        <v>497</v>
      </c>
    </row>
    <row r="334" spans="22:24" ht="20.25" hidden="1" customHeight="1" x14ac:dyDescent="0.65">
      <c r="V334" s="84"/>
      <c r="W334" s="39" t="s">
        <v>312</v>
      </c>
      <c r="X334" s="40" t="s">
        <v>498</v>
      </c>
    </row>
    <row r="335" spans="22:24" ht="20.25" hidden="1" customHeight="1" x14ac:dyDescent="0.65">
      <c r="V335" s="84"/>
      <c r="W335" s="39" t="s">
        <v>315</v>
      </c>
      <c r="X335" s="40" t="s">
        <v>499</v>
      </c>
    </row>
    <row r="336" spans="22:24" ht="20.25" hidden="1" customHeight="1" x14ac:dyDescent="0.65">
      <c r="V336" s="84"/>
      <c r="W336" s="39" t="s">
        <v>318</v>
      </c>
      <c r="X336" s="40" t="s">
        <v>500</v>
      </c>
    </row>
    <row r="337" spans="22:24" ht="20.25" hidden="1" customHeight="1" x14ac:dyDescent="0.65">
      <c r="V337" s="84"/>
      <c r="W337" s="39" t="s">
        <v>321</v>
      </c>
      <c r="X337" s="40" t="s">
        <v>501</v>
      </c>
    </row>
    <row r="338" spans="22:24" ht="20.25" hidden="1" customHeight="1" x14ac:dyDescent="0.65">
      <c r="V338" s="84"/>
      <c r="W338" s="39" t="s">
        <v>324</v>
      </c>
      <c r="X338" s="40" t="s">
        <v>502</v>
      </c>
    </row>
    <row r="339" spans="22:24" ht="20.25" hidden="1" customHeight="1" x14ac:dyDescent="0.65">
      <c r="V339" s="84"/>
      <c r="W339" s="34" t="s">
        <v>327</v>
      </c>
      <c r="X339" s="35" t="s">
        <v>503</v>
      </c>
    </row>
    <row r="340" spans="22:24" ht="20.25" hidden="1" customHeight="1" x14ac:dyDescent="0.65">
      <c r="V340" s="84"/>
      <c r="W340" s="39" t="s">
        <v>329</v>
      </c>
      <c r="X340" s="40" t="s">
        <v>504</v>
      </c>
    </row>
    <row r="341" spans="22:24" ht="20.25" hidden="1" customHeight="1" x14ac:dyDescent="0.65">
      <c r="V341" s="84"/>
      <c r="W341" s="39" t="s">
        <v>333</v>
      </c>
      <c r="X341" s="40" t="s">
        <v>505</v>
      </c>
    </row>
    <row r="342" spans="22:24" ht="20.25" hidden="1" customHeight="1" x14ac:dyDescent="0.65">
      <c r="V342" s="84"/>
      <c r="W342" s="39" t="s">
        <v>506</v>
      </c>
      <c r="X342" s="40" t="s">
        <v>507</v>
      </c>
    </row>
    <row r="343" spans="22:24" ht="20.25" hidden="1" customHeight="1" x14ac:dyDescent="0.65">
      <c r="V343" s="84"/>
      <c r="W343" s="39" t="s">
        <v>508</v>
      </c>
      <c r="X343" s="40" t="s">
        <v>509</v>
      </c>
    </row>
    <row r="344" spans="22:24" ht="20.25" hidden="1" customHeight="1" x14ac:dyDescent="0.65">
      <c r="V344" s="84"/>
      <c r="W344" s="39" t="s">
        <v>510</v>
      </c>
      <c r="X344" s="40" t="s">
        <v>511</v>
      </c>
    </row>
    <row r="345" spans="22:24" ht="20.25" hidden="1" customHeight="1" x14ac:dyDescent="0.65">
      <c r="V345" s="84"/>
      <c r="W345" s="39" t="s">
        <v>512</v>
      </c>
      <c r="X345" s="40" t="s">
        <v>513</v>
      </c>
    </row>
    <row r="346" spans="22:24" ht="20.25" hidden="1" customHeight="1" x14ac:dyDescent="0.65">
      <c r="V346" s="84"/>
      <c r="W346" s="39" t="s">
        <v>514</v>
      </c>
      <c r="X346" s="40" t="s">
        <v>515</v>
      </c>
    </row>
    <row r="347" spans="22:24" ht="20.25" hidden="1" customHeight="1" x14ac:dyDescent="0.65">
      <c r="V347" s="84"/>
      <c r="W347" s="39" t="s">
        <v>516</v>
      </c>
      <c r="X347" s="40" t="s">
        <v>517</v>
      </c>
    </row>
    <row r="348" spans="22:24" ht="20.25" hidden="1" customHeight="1" x14ac:dyDescent="0.65">
      <c r="V348" s="84"/>
      <c r="W348" s="39" t="s">
        <v>518</v>
      </c>
      <c r="X348" s="40" t="s">
        <v>519</v>
      </c>
    </row>
    <row r="349" spans="22:24" ht="20.25" hidden="1" customHeight="1" x14ac:dyDescent="0.65">
      <c r="V349" s="84"/>
      <c r="W349" s="39" t="s">
        <v>520</v>
      </c>
      <c r="X349" s="40" t="s">
        <v>521</v>
      </c>
    </row>
    <row r="350" spans="22:24" ht="20.25" hidden="1" customHeight="1" x14ac:dyDescent="0.65">
      <c r="V350" s="84"/>
      <c r="W350" s="39" t="s">
        <v>522</v>
      </c>
      <c r="X350" s="40" t="s">
        <v>523</v>
      </c>
    </row>
    <row r="351" spans="22:24" ht="20.25" hidden="1" customHeight="1" x14ac:dyDescent="0.65">
      <c r="V351" s="84"/>
      <c r="W351" s="46" t="s">
        <v>176</v>
      </c>
      <c r="X351" s="43" t="s">
        <v>17</v>
      </c>
    </row>
    <row r="352" spans="22:24" ht="20.25" hidden="1" customHeight="1" x14ac:dyDescent="0.65">
      <c r="V352" s="84" t="s">
        <v>524</v>
      </c>
      <c r="W352" s="47" t="s">
        <v>119</v>
      </c>
      <c r="X352" s="38" t="s">
        <v>183</v>
      </c>
    </row>
    <row r="353" spans="22:24" ht="20.25" hidden="1" customHeight="1" x14ac:dyDescent="0.65">
      <c r="V353" s="84"/>
      <c r="W353" s="39" t="s">
        <v>132</v>
      </c>
      <c r="X353" s="40" t="s">
        <v>525</v>
      </c>
    </row>
    <row r="354" spans="22:24" ht="20.25" hidden="1" customHeight="1" x14ac:dyDescent="0.65">
      <c r="V354" s="84"/>
      <c r="W354" s="39" t="s">
        <v>144</v>
      </c>
      <c r="X354" s="40" t="s">
        <v>71</v>
      </c>
    </row>
    <row r="355" spans="22:24" ht="20.25" hidden="1" customHeight="1" x14ac:dyDescent="0.65">
      <c r="V355" s="84"/>
      <c r="W355" s="39" t="s">
        <v>156</v>
      </c>
      <c r="X355" s="40" t="s">
        <v>526</v>
      </c>
    </row>
    <row r="356" spans="22:24" ht="20.25" hidden="1" customHeight="1" x14ac:dyDescent="0.65">
      <c r="V356" s="84"/>
      <c r="W356" s="39" t="s">
        <v>165</v>
      </c>
      <c r="X356" s="40" t="s">
        <v>527</v>
      </c>
    </row>
    <row r="357" spans="22:24" ht="20.25" hidden="1" customHeight="1" x14ac:dyDescent="0.65">
      <c r="V357" s="84"/>
      <c r="W357" s="39" t="s">
        <v>174</v>
      </c>
      <c r="X357" s="40" t="s">
        <v>69</v>
      </c>
    </row>
    <row r="358" spans="22:24" ht="20.25" hidden="1" customHeight="1" x14ac:dyDescent="0.65">
      <c r="V358" s="84"/>
      <c r="W358" s="39" t="s">
        <v>182</v>
      </c>
      <c r="X358" s="40" t="s">
        <v>528</v>
      </c>
    </row>
    <row r="359" spans="22:24" ht="20.25" hidden="1" customHeight="1" x14ac:dyDescent="0.65">
      <c r="V359" s="84"/>
      <c r="W359" s="39" t="s">
        <v>188</v>
      </c>
      <c r="X359" s="40" t="s">
        <v>529</v>
      </c>
    </row>
    <row r="360" spans="22:24" ht="20.25" hidden="1" customHeight="1" x14ac:dyDescent="0.65">
      <c r="V360" s="84"/>
      <c r="W360" s="39" t="s">
        <v>193</v>
      </c>
      <c r="X360" s="40" t="s">
        <v>530</v>
      </c>
    </row>
    <row r="361" spans="22:24" ht="20.25" hidden="1" customHeight="1" x14ac:dyDescent="0.65">
      <c r="V361" s="84"/>
      <c r="W361" s="39" t="s">
        <v>231</v>
      </c>
      <c r="X361" s="40" t="s">
        <v>473</v>
      </c>
    </row>
    <row r="362" spans="22:24" ht="20.25" hidden="1" customHeight="1" x14ac:dyDescent="0.65">
      <c r="V362" s="84"/>
      <c r="W362" s="46" t="s">
        <v>176</v>
      </c>
      <c r="X362" s="43" t="s">
        <v>70</v>
      </c>
    </row>
    <row r="363" spans="22:24" ht="20.25" hidden="1" customHeight="1" x14ac:dyDescent="0.65">
      <c r="V363" s="84" t="s">
        <v>369</v>
      </c>
      <c r="W363" s="34" t="s">
        <v>119</v>
      </c>
      <c r="X363" s="35" t="s">
        <v>531</v>
      </c>
    </row>
    <row r="364" spans="22:24" ht="20.25" hidden="1" customHeight="1" x14ac:dyDescent="0.65">
      <c r="V364" s="84"/>
      <c r="W364" s="39" t="s">
        <v>132</v>
      </c>
      <c r="X364" s="40" t="s">
        <v>532</v>
      </c>
    </row>
    <row r="365" spans="22:24" ht="20.25" hidden="1" customHeight="1" x14ac:dyDescent="0.65">
      <c r="V365" s="84"/>
      <c r="W365" s="46" t="s">
        <v>176</v>
      </c>
      <c r="X365" s="43" t="s">
        <v>70</v>
      </c>
    </row>
    <row r="366" spans="22:24" ht="20.25" hidden="1" customHeight="1" x14ac:dyDescent="0.65">
      <c r="V366" s="81" t="s">
        <v>370</v>
      </c>
      <c r="W366" s="47" t="s">
        <v>119</v>
      </c>
      <c r="X366" s="38" t="s">
        <v>533</v>
      </c>
    </row>
    <row r="367" spans="22:24" ht="20.25" hidden="1" customHeight="1" x14ac:dyDescent="0.65">
      <c r="V367" s="82"/>
      <c r="W367" s="39" t="s">
        <v>132</v>
      </c>
      <c r="X367" s="40" t="s">
        <v>534</v>
      </c>
    </row>
    <row r="368" spans="22:24" ht="20.25" hidden="1" customHeight="1" x14ac:dyDescent="0.65">
      <c r="V368" s="82"/>
      <c r="W368" s="39" t="s">
        <v>144</v>
      </c>
      <c r="X368" s="40" t="s">
        <v>535</v>
      </c>
    </row>
    <row r="369" spans="15:24" ht="20.25" hidden="1" customHeight="1" x14ac:dyDescent="0.65">
      <c r="V369" s="82"/>
      <c r="W369" s="39" t="s">
        <v>156</v>
      </c>
      <c r="X369" s="40" t="s">
        <v>528</v>
      </c>
    </row>
    <row r="370" spans="15:24" ht="20.25" hidden="1" customHeight="1" x14ac:dyDescent="0.65">
      <c r="V370" s="83"/>
      <c r="W370" s="46" t="s">
        <v>176</v>
      </c>
      <c r="X370" s="43" t="s">
        <v>70</v>
      </c>
    </row>
    <row r="371" spans="15:24" ht="20.25" hidden="1" customHeight="1" x14ac:dyDescent="0.65"/>
    <row r="372" spans="15:24" ht="20.25" hidden="1" customHeight="1" x14ac:dyDescent="0.65"/>
    <row r="373" spans="15:24" ht="20.25" hidden="1" customHeight="1" x14ac:dyDescent="0.65"/>
    <row r="376" spans="15:24" ht="20.25" customHeight="1" x14ac:dyDescent="0.65">
      <c r="O376" s="62"/>
      <c r="P376" s="62"/>
    </row>
  </sheetData>
  <dataConsolidate/>
  <mergeCells count="46">
    <mergeCell ref="V138:X138"/>
    <mergeCell ref="Y138:AA138"/>
    <mergeCell ref="V139:V148"/>
    <mergeCell ref="Y139:Y144"/>
    <mergeCell ref="Y147:Y150"/>
    <mergeCell ref="V149:V161"/>
    <mergeCell ref="Y152:Y154"/>
    <mergeCell ref="Y156:Y159"/>
    <mergeCell ref="Y161:Y163"/>
    <mergeCell ref="V162:V168"/>
    <mergeCell ref="Y164:Y167"/>
    <mergeCell ref="V169:V183"/>
    <mergeCell ref="Y169:Y171"/>
    <mergeCell ref="Y172:Y175"/>
    <mergeCell ref="V184:V189"/>
    <mergeCell ref="Y184:Y186"/>
    <mergeCell ref="V190:V214"/>
    <mergeCell ref="Y190:Y193"/>
    <mergeCell ref="Y199:Y201"/>
    <mergeCell ref="Y204:Y211"/>
    <mergeCell ref="Y212:Y215"/>
    <mergeCell ref="V215:V237"/>
    <mergeCell ref="Y220:Y222"/>
    <mergeCell ref="Y223:Y226"/>
    <mergeCell ref="Y233:Y236"/>
    <mergeCell ref="V238:V249"/>
    <mergeCell ref="Y239:Y242"/>
    <mergeCell ref="Y243:Y247"/>
    <mergeCell ref="V250:V263"/>
    <mergeCell ref="Y250:Y253"/>
    <mergeCell ref="Y256:Y259"/>
    <mergeCell ref="V366:V370"/>
    <mergeCell ref="V264:V271"/>
    <mergeCell ref="V272:V290"/>
    <mergeCell ref="Y273:Y277"/>
    <mergeCell ref="Y280:Y282"/>
    <mergeCell ref="V291:V294"/>
    <mergeCell ref="V295:V301"/>
    <mergeCell ref="Y297:Y299"/>
    <mergeCell ref="Y301:Y303"/>
    <mergeCell ref="V302:V308"/>
    <mergeCell ref="V309:V313"/>
    <mergeCell ref="V314:V317"/>
    <mergeCell ref="V318:V351"/>
    <mergeCell ref="V352:V362"/>
    <mergeCell ref="V363:V365"/>
  </mergeCells>
  <phoneticPr fontId="3"/>
  <dataValidations count="6">
    <dataValidation type="list" allowBlank="1" showInputMessage="1" showErrorMessage="1" sqref="M134" xr:uid="{1433041B-8545-4790-8965-D54FC39238FA}">
      <formula1>INDIRECT(#REF!)</formula1>
    </dataValidation>
    <dataValidation type="list" allowBlank="1" showInputMessage="1" showErrorMessage="1" sqref="L134" xr:uid="{48E4A2E6-FD2C-47D1-A9D4-A6217D8B7C85}">
      <formula1>中分類</formula1>
    </dataValidation>
    <dataValidation type="list" allowBlank="1" showInputMessage="1" showErrorMessage="1" sqref="K134" xr:uid="{8E77B3D5-E1C3-4D1D-96BD-069D7CB161EF}">
      <formula1>"物品,役務"</formula1>
    </dataValidation>
    <dataValidation type="list" errorStyle="warning" allowBlank="1" showInputMessage="1" showErrorMessage="1" error="手入力を制限しています。_x000a_プルダウンから選択してください。" sqref="K3:K133" xr:uid="{CF1E01FE-9F70-4E08-A7F4-B7A20DEDF551}">
      <formula1>"物品,役務"</formula1>
    </dataValidation>
    <dataValidation type="list" allowBlank="1" showInputMessage="1" showErrorMessage="1" sqref="L3:M133" xr:uid="{DB96CD78-132C-4807-8450-0604E19EC504}">
      <formula1>INDIRECT(K3)</formula1>
    </dataValidation>
    <dataValidation type="list" allowBlank="1" showInputMessage="1" sqref="O3:P134" xr:uid="{6ABB9EA3-3457-45B6-9D12-B75D538E6CCC}">
      <formula1>"○,×,-"</formula1>
    </dataValidation>
  </dataValidations>
  <hyperlinks>
    <hyperlink ref="H3:H133" r:id="rId1" display="service@symphony.co.jp" xr:uid="{DB4FE489-A7DC-4B58-AB4C-D4D3136BDBC9}"/>
    <hyperlink ref="I3:I133" r:id="rId2" display="https://www.symphony.co.jp/" xr:uid="{7486A481-54C7-427B-8BB4-0F16E8829135}"/>
    <hyperlink ref="H3" r:id="rId3" xr:uid="{DCFDCC55-A5FA-48E6-ADAC-BFFD13393DAE}"/>
    <hyperlink ref="I3" r:id="rId4" xr:uid="{C779B922-0A14-4510-BCE1-1D3C1032DD6B}"/>
    <hyperlink ref="H4" r:id="rId5" xr:uid="{CFCA9426-5163-4C24-B38C-C1E709B3A394}"/>
    <hyperlink ref="H5" r:id="rId6" xr:uid="{5F4869D0-2327-4961-AAA4-5D2E4AB6C579}"/>
    <hyperlink ref="H6" r:id="rId7" xr:uid="{2EBFA5FD-6ABD-46FC-9387-8FFE6321C021}"/>
    <hyperlink ref="H7" r:id="rId8" xr:uid="{F99DC7B8-7721-4F07-BF1B-7A4A61DB6980}"/>
    <hyperlink ref="H8" r:id="rId9" xr:uid="{EEB7F26B-214A-47ED-9862-3C76966C2B73}"/>
    <hyperlink ref="H9" r:id="rId10" xr:uid="{4AFA6253-79E0-410F-9353-89EC08933051}"/>
    <hyperlink ref="H10" r:id="rId11" xr:uid="{D1073765-38A9-4496-B648-458185E95522}"/>
    <hyperlink ref="H11" r:id="rId12" xr:uid="{3F336EA5-38C4-452D-B0A7-22407A366D9F}"/>
    <hyperlink ref="H12" r:id="rId13" xr:uid="{58D39CD0-67BA-434C-BCD5-6D9EAB38995F}"/>
    <hyperlink ref="H13" r:id="rId14" xr:uid="{D27CFD00-17E2-4E30-BA79-BEE5E3D6501E}"/>
    <hyperlink ref="I4" r:id="rId15" xr:uid="{57759EC7-EB60-456C-80E9-12D8A54FDA61}"/>
    <hyperlink ref="I5" r:id="rId16" xr:uid="{8ECFFB75-B947-41D0-B872-D5C455F1EBB3}"/>
    <hyperlink ref="I6" r:id="rId17" xr:uid="{D6E67E87-7326-4A95-AF0E-7E5F74CDC141}"/>
    <hyperlink ref="I7" r:id="rId18" xr:uid="{014EDC72-CE00-4770-8823-BEFA7006B76D}"/>
    <hyperlink ref="I8" r:id="rId19" xr:uid="{D8631974-08B5-44C3-8C3F-62F0DFD0147A}"/>
    <hyperlink ref="I9" r:id="rId20" xr:uid="{9FB6AACC-0BDD-4E9A-A4A8-33E63BF95F0A}"/>
    <hyperlink ref="I10" r:id="rId21" xr:uid="{5FA25883-538F-42B6-BCFE-A15B71206B48}"/>
    <hyperlink ref="I11" r:id="rId22" xr:uid="{4ED27A2C-9C47-4C10-9C5E-C1266521477B}"/>
    <hyperlink ref="I12" r:id="rId23" xr:uid="{C46ADC38-2605-4574-BA69-18E42A8D1BF9}"/>
    <hyperlink ref="I13" r:id="rId24" xr:uid="{4D05D55F-CCA1-4D4D-8AFA-1A831E0D62BF}"/>
    <hyperlink ref="H19" r:id="rId25" xr:uid="{B9FF4002-2F3C-430F-B1A5-9F97A65DAD0C}"/>
    <hyperlink ref="H20" r:id="rId26" xr:uid="{779B56C9-3AD0-4246-879B-B89D064A78BB}"/>
    <hyperlink ref="H21" r:id="rId27" xr:uid="{4FD3C4AA-7626-4D7D-91F7-FC7859FE1FF8}"/>
    <hyperlink ref="H22" r:id="rId28" xr:uid="{7145984B-919F-4D68-847E-EA5378A8B4DC}"/>
    <hyperlink ref="H23" r:id="rId29" xr:uid="{63FC45E0-8DF8-4081-BA79-78A261F320E4}"/>
    <hyperlink ref="H24" r:id="rId30" xr:uid="{810B8D01-46FA-4A2A-BDFC-466844CD62F6}"/>
    <hyperlink ref="H25" r:id="rId31" xr:uid="{7D4A59D4-2B2E-4177-B1B7-1000B900EDDD}"/>
    <hyperlink ref="H26" r:id="rId32" xr:uid="{8907740F-2A42-41D7-9B2E-15225BF886A3}"/>
    <hyperlink ref="H27" r:id="rId33" xr:uid="{1A869D65-1466-46AE-9F7C-E19281CCABBB}"/>
    <hyperlink ref="H28" r:id="rId34" xr:uid="{A6E9B257-752D-4F2B-BAED-433A90B82FFB}"/>
    <hyperlink ref="H29" r:id="rId35" xr:uid="{5A92973B-20AE-4F63-B97F-1B187A7B0BD7}"/>
    <hyperlink ref="H30" r:id="rId36" xr:uid="{949C3E66-31A7-4FF9-9A9C-3C16BE048A1F}"/>
    <hyperlink ref="H31" r:id="rId37" xr:uid="{35D17D3E-A5BF-4DE4-AD89-D2C389AFE596}"/>
    <hyperlink ref="H32" r:id="rId38" xr:uid="{5CBBF13F-2527-4466-BFD4-130179D065C6}"/>
    <hyperlink ref="H33" r:id="rId39" xr:uid="{C3881ACD-C79B-4037-9CF9-45737913609C}"/>
    <hyperlink ref="H34" r:id="rId40" xr:uid="{C1EC359A-4398-4845-9CD8-FF748419F649}"/>
    <hyperlink ref="H35" r:id="rId41" xr:uid="{5D41CB2D-CD22-4606-85F4-4619C0DB43BC}"/>
    <hyperlink ref="H36" r:id="rId42" xr:uid="{7896C47B-DD4C-4CB2-8B98-E384C620BD58}"/>
    <hyperlink ref="H37" r:id="rId43" xr:uid="{38030D5E-CC84-4F41-8D65-9B2043A46B75}"/>
    <hyperlink ref="H38" r:id="rId44" xr:uid="{1BBE0D89-3713-4A06-B5ED-901D2ECB440F}"/>
    <hyperlink ref="H39" r:id="rId45" xr:uid="{7C2B253F-8698-4E00-995D-9594C2D49011}"/>
    <hyperlink ref="H40" r:id="rId46" xr:uid="{74C2A70F-E022-47C4-8794-D3025C765EA4}"/>
    <hyperlink ref="H41" r:id="rId47" xr:uid="{65682EC8-EEBB-47F7-ABBC-72DF24E6FE57}"/>
    <hyperlink ref="H42" r:id="rId48" xr:uid="{73523839-211D-4337-8E5D-8D207A9E18A4}"/>
    <hyperlink ref="H43" r:id="rId49" xr:uid="{A3BD9093-B7D2-4140-9E2D-6CB4918B07EC}"/>
    <hyperlink ref="H44" r:id="rId50" xr:uid="{149B7A91-8313-454F-8BA4-FBBA66564CD8}"/>
    <hyperlink ref="H45" r:id="rId51" xr:uid="{4FE29BAA-1EDF-4882-9C11-66FF85DBB199}"/>
    <hyperlink ref="H46" r:id="rId52" xr:uid="{63C5865B-BC89-4C72-A400-0B17CBDD74E6}"/>
    <hyperlink ref="H47" r:id="rId53" xr:uid="{D6C7F7EE-B0A3-4339-9491-AAD3794DAF86}"/>
    <hyperlink ref="H48" r:id="rId54" xr:uid="{CF11D920-89A0-4546-B107-EB897F503579}"/>
    <hyperlink ref="H49" r:id="rId55" xr:uid="{FCCA6552-4C68-4757-B380-2CFE42D19F75}"/>
    <hyperlink ref="H50" r:id="rId56" xr:uid="{5258D59C-6CEE-4B22-A715-8D39089B3A02}"/>
    <hyperlink ref="H51" r:id="rId57" xr:uid="{0ECD7843-ED0B-4CAB-B293-2B8CE32A2731}"/>
    <hyperlink ref="H52" r:id="rId58" xr:uid="{A3FC7102-BA9F-4E0C-87FA-FFAB0303D234}"/>
    <hyperlink ref="H53" r:id="rId59" xr:uid="{FD69BCE4-603B-4B41-81EC-E52ABD25E662}"/>
    <hyperlink ref="H54" r:id="rId60" xr:uid="{EE0ABD56-EDFC-4E47-88C8-047703863FEF}"/>
    <hyperlink ref="H55" r:id="rId61" xr:uid="{8C442E46-0EFC-4CAC-8688-1252DF5BBF3A}"/>
    <hyperlink ref="H56" r:id="rId62" xr:uid="{4124ACE8-E4FA-49F1-B930-946872FB0572}"/>
    <hyperlink ref="H57" r:id="rId63" xr:uid="{29AF2E97-15B3-4608-953C-A58618E5C604}"/>
    <hyperlink ref="H58" r:id="rId64" xr:uid="{AE4319B0-072E-4947-8CEB-EE3048CE7700}"/>
    <hyperlink ref="H59" r:id="rId65" xr:uid="{C263E63D-C3CB-4386-B480-71285C535D9E}"/>
    <hyperlink ref="H60" r:id="rId66" xr:uid="{6695E117-8A19-4E05-88C1-DF554E217F93}"/>
    <hyperlink ref="H61" r:id="rId67" xr:uid="{7E3513A0-07B6-4DD0-822F-724AB7C465D7}"/>
    <hyperlink ref="H62" r:id="rId68" xr:uid="{10F67465-3853-4514-9D4D-C1761D26D6AB}"/>
    <hyperlink ref="H63" r:id="rId69" xr:uid="{578A6CBF-3251-40BE-A880-17C257C4E03C}"/>
    <hyperlink ref="H64" r:id="rId70" xr:uid="{7E2E75BA-B18D-488E-8A6D-BB494E2D6F04}"/>
    <hyperlink ref="H65" r:id="rId71" xr:uid="{200C3F1F-425D-448C-A056-C9189D353105}"/>
    <hyperlink ref="H66" r:id="rId72" xr:uid="{DAD89172-A61D-4EFF-8891-28447802E26F}"/>
    <hyperlink ref="H67" r:id="rId73" xr:uid="{826BA1B3-0865-45C7-AEC1-0BF8B553FBF7}"/>
    <hyperlink ref="H68" r:id="rId74" xr:uid="{73876A4D-A8AB-475D-9E6C-04A0F9D9EAFC}"/>
    <hyperlink ref="H69" r:id="rId75" xr:uid="{1A8A2587-B95F-4ADB-A071-903BEEF138B2}"/>
    <hyperlink ref="H70" r:id="rId76" xr:uid="{8A673299-63AC-4D1D-8121-11DA1F63909E}"/>
    <hyperlink ref="H71" r:id="rId77" xr:uid="{ACA5CE81-C578-417B-8CE0-C29981B3ED7D}"/>
    <hyperlink ref="H72" r:id="rId78" xr:uid="{97F47446-F502-451D-9251-1F9477B268D4}"/>
    <hyperlink ref="H73" r:id="rId79" xr:uid="{93CC748A-E15C-4454-9114-8D16F6255ADD}"/>
    <hyperlink ref="H74" r:id="rId80" xr:uid="{7B84D0C6-80DE-4404-92C5-E7431F258AC8}"/>
    <hyperlink ref="H75" r:id="rId81" xr:uid="{8B7FCA6F-69E4-4736-9ACD-71F186F8F57A}"/>
    <hyperlink ref="H76" r:id="rId82" xr:uid="{57B91984-188B-4EF1-B7B6-982D3EB41CBD}"/>
    <hyperlink ref="H77" r:id="rId83" xr:uid="{D1EF89BB-A104-40F9-ADC5-53E5D816AE5A}"/>
    <hyperlink ref="H78" r:id="rId84" xr:uid="{ACFDB1E9-14D0-4E0F-9B29-3E0FCB077B90}"/>
    <hyperlink ref="H79" r:id="rId85" xr:uid="{3C060983-5657-4BD0-A447-B4A59CFD0197}"/>
    <hyperlink ref="H80" r:id="rId86" xr:uid="{305E8B06-00B3-45C1-B788-F13620A17839}"/>
    <hyperlink ref="H81" r:id="rId87" xr:uid="{B1C21190-37B1-43B1-8C17-FFBA8CCE2F2C}"/>
    <hyperlink ref="H82" r:id="rId88" xr:uid="{FB3CC650-EC4A-49CD-BD72-7632AB65FFC7}"/>
    <hyperlink ref="H83" r:id="rId89" xr:uid="{DC8E8725-3AE7-431A-B8DD-D8B8C2B63932}"/>
    <hyperlink ref="H84" r:id="rId90" xr:uid="{C11226B3-4A56-40E8-9034-84FE742EFA34}"/>
    <hyperlink ref="H85" r:id="rId91" xr:uid="{15ECD309-6A23-4C17-A225-05B7AC9CEB2C}"/>
    <hyperlink ref="H86" r:id="rId92" xr:uid="{51FB0A64-2185-4363-8125-7DBFB8FA84CA}"/>
    <hyperlink ref="H87" r:id="rId93" xr:uid="{5FC52866-F077-4350-8D3E-3EB7210E4714}"/>
    <hyperlink ref="H88" r:id="rId94" xr:uid="{919C5017-2F8A-4AD4-9FE6-40D2F6CD35B4}"/>
    <hyperlink ref="H89" r:id="rId95" xr:uid="{DB0C6EF5-6FEF-4F01-BEEC-0D5A5923626E}"/>
    <hyperlink ref="H90" r:id="rId96" xr:uid="{6CCCE247-0B7E-4884-BCDA-FB00B5DF7C7E}"/>
    <hyperlink ref="H91" r:id="rId97" xr:uid="{40DA3B81-393F-4F12-A89D-A337FA5066A7}"/>
    <hyperlink ref="H92" r:id="rId98" xr:uid="{CC438A99-FB78-4D2A-BB44-6E0FA3D399F5}"/>
    <hyperlink ref="H93" r:id="rId99" xr:uid="{ABE2D2A7-60D5-4B40-AFD6-5F85645375F4}"/>
    <hyperlink ref="H94" r:id="rId100" xr:uid="{630F180C-F6F6-4C79-841D-F1EB879A3794}"/>
    <hyperlink ref="H95" r:id="rId101" xr:uid="{47FB46E6-3BCC-422B-BCEE-0505D3FFCF70}"/>
    <hyperlink ref="H96" r:id="rId102" xr:uid="{361679AC-EA53-4EB8-ACDA-0A7B3F7181B2}"/>
    <hyperlink ref="H97" r:id="rId103" xr:uid="{058EA53F-AEE6-4BAB-8C5E-9C6C85F4A304}"/>
    <hyperlink ref="H98" r:id="rId104" xr:uid="{59D276C4-C12A-4684-AF90-278BA372BF0B}"/>
    <hyperlink ref="H99" r:id="rId105" xr:uid="{96569DAD-5754-4CB5-BE4E-1F5DFA2B0C6D}"/>
    <hyperlink ref="H100" r:id="rId106" xr:uid="{9BE0F85F-0130-43FB-A330-1061ED8D705C}"/>
    <hyperlink ref="H101" r:id="rId107" xr:uid="{AD886D60-3CEE-46BB-B011-9114B289A121}"/>
    <hyperlink ref="H102" r:id="rId108" xr:uid="{4543E5D6-63F1-4F7F-9AB6-A836C21AFA88}"/>
    <hyperlink ref="H103" r:id="rId109" xr:uid="{7AC99E89-B3FE-4ECB-8EEE-2ECBBC1B4A4E}"/>
    <hyperlink ref="H104" r:id="rId110" xr:uid="{F956EAC9-ABC8-45F4-B1F0-A7B02EB1CC44}"/>
    <hyperlink ref="H105" r:id="rId111" xr:uid="{114B2DDF-B574-4CB9-9C30-D071C397D546}"/>
    <hyperlink ref="H106" r:id="rId112" xr:uid="{92A07B62-5D31-47D9-94B4-2D04C2952E3C}"/>
    <hyperlink ref="H107" r:id="rId113" xr:uid="{F9EFD8C1-6AB7-4B02-AC01-79DCDFA34E0F}"/>
    <hyperlink ref="H108" r:id="rId114" xr:uid="{2C795660-E31D-4366-BE62-63156328DF36}"/>
    <hyperlink ref="H109" r:id="rId115" xr:uid="{84CED914-DAFD-4D61-83E5-11A3AF252207}"/>
    <hyperlink ref="H110" r:id="rId116" xr:uid="{3DB95F5E-38BD-4B36-B64F-E2C690932E5A}"/>
    <hyperlink ref="H111" r:id="rId117" xr:uid="{F0B97D8F-7022-4735-BF93-3F286E7AC764}"/>
    <hyperlink ref="H112" r:id="rId118" xr:uid="{D7C810C4-926F-4A78-91F8-1E1FF1606396}"/>
    <hyperlink ref="H113" r:id="rId119" xr:uid="{F6B108A6-5A08-4D01-9B9B-C609B7CFF860}"/>
    <hyperlink ref="H114" r:id="rId120" xr:uid="{C5B4028D-89D8-43E6-9627-AA85222F00FF}"/>
    <hyperlink ref="H115" r:id="rId121" xr:uid="{E69BC233-F711-465A-891E-647F0850B1CD}"/>
    <hyperlink ref="H116" r:id="rId122" xr:uid="{B9AF6A68-8E31-452E-AB4B-33E8527C9883}"/>
    <hyperlink ref="H117" r:id="rId123" xr:uid="{7F793342-B5AB-4A8F-A8BB-7AFD870093F5}"/>
    <hyperlink ref="H118" r:id="rId124" xr:uid="{FAED1CEB-CF09-4E27-A336-79AB8BE076FF}"/>
    <hyperlink ref="H119" r:id="rId125" xr:uid="{0D2BC3B6-A0F1-4EC9-83AF-DF7284488286}"/>
    <hyperlink ref="H120" r:id="rId126" xr:uid="{C3498C45-1CA7-4646-92B3-77C5D7129C91}"/>
    <hyperlink ref="H121" r:id="rId127" xr:uid="{37460474-C5DD-46E8-AF9A-CED5E6C3F59E}"/>
    <hyperlink ref="H122" r:id="rId128" xr:uid="{8EBCAB0A-52EF-4B61-8606-8421A1383659}"/>
    <hyperlink ref="H123" r:id="rId129" xr:uid="{0EC5BECE-EAB1-44C7-840E-FFA5F5590FE9}"/>
    <hyperlink ref="H124" r:id="rId130" xr:uid="{BF6D09AF-38A9-4844-B2B4-86FE1595E650}"/>
    <hyperlink ref="H125" r:id="rId131" xr:uid="{E111C887-B1FE-48A4-95B3-827F5FF72C4A}"/>
    <hyperlink ref="H126" r:id="rId132" xr:uid="{F9DB936F-5006-4C60-BC34-EC3461DFAE93}"/>
    <hyperlink ref="H127" r:id="rId133" xr:uid="{C2BE0B82-C49B-439F-A575-F91EB1E4449A}"/>
    <hyperlink ref="H14" r:id="rId134" xr:uid="{A9C41B4F-B664-42DC-B4FB-BCC6F740422B}"/>
    <hyperlink ref="H133" r:id="rId135" xr:uid="{0E9B779A-DA54-4563-BB85-42DA9A5B4360}"/>
    <hyperlink ref="H128:H132" r:id="rId136" display="service@symphony.co.jp" xr:uid="{739014A6-36CD-4BF5-8BA3-F8B6302172D0}"/>
    <hyperlink ref="I128:I132" r:id="rId137" display="https://www.symphony.co.jp/" xr:uid="{6CC0E8C6-0B99-4EA6-BDD1-DBDF5BA584E5}"/>
    <hyperlink ref="H128" r:id="rId138" xr:uid="{3A3A2C8E-CB51-4D3A-A0F0-DE9BEBFF77E2}"/>
    <hyperlink ref="H129" r:id="rId139" xr:uid="{BC238A26-4562-4FC0-8F7B-7918962CA4E7}"/>
    <hyperlink ref="H130" r:id="rId140" xr:uid="{1F0A8472-8F31-4B57-B5E2-D41A9592DA31}"/>
    <hyperlink ref="I128" r:id="rId141" xr:uid="{0D647E4A-CF65-4EA7-BF85-EE597C658397}"/>
    <hyperlink ref="I129" r:id="rId142" xr:uid="{5D8F7C01-28AB-4243-AFBD-24A29316E066}"/>
    <hyperlink ref="I130" r:id="rId143" xr:uid="{401ED150-A8AC-4BC1-BD9A-67CBE7C2A9F1}"/>
    <hyperlink ref="H131" r:id="rId144" xr:uid="{93F9BFF2-7643-4B9C-AE6B-CBF8A02A5C38}"/>
    <hyperlink ref="H132" r:id="rId145" xr:uid="{26056F43-1701-4DC7-8581-7C0F19BAC598}"/>
    <hyperlink ref="I131" r:id="rId146" xr:uid="{9B90064A-1C38-4D43-886F-616222BE6100}"/>
    <hyperlink ref="I132" r:id="rId147" xr:uid="{22BDB49C-1790-430D-8C05-CA38841ED580}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46" fitToWidth="2" fitToHeight="0" orientation="landscape" r:id="rId148"/>
  <colBreaks count="1" manualBreakCount="1">
    <brk id="10" max="134" man="1"/>
  </colBreaks>
  <drawing r:id="rId149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物品・役務一覧</vt:lpstr>
      <vt:lpstr>物品・役務一覧!Print_Area</vt:lpstr>
    </vt:vector>
  </TitlesOfParts>
  <Company>Hiroshima Prefecture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武井 玲奈</dc:creator>
  <cp:lastModifiedBy>森田 ヒトミ</cp:lastModifiedBy>
  <cp:lastPrinted>2024-07-04T07:05:24Z</cp:lastPrinted>
  <dcterms:created xsi:type="dcterms:W3CDTF">2024-07-04T06:42:50Z</dcterms:created>
  <dcterms:modified xsi:type="dcterms:W3CDTF">2025-10-28T05:53:06Z</dcterms:modified>
</cp:coreProperties>
</file>